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3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4.xml" ContentType="application/vnd.openxmlformats-officedocument.presentationml.tags+xml"/>
  <Override PartName="/ppt/notesSlides/notesSlide6.xml" ContentType="application/vnd.openxmlformats-officedocument.presentationml.notesSlide+xml"/>
  <Override PartName="/ppt/tags/tag5.xml" ContentType="application/vnd.openxmlformats-officedocument.presentationml.tags+xml"/>
  <Override PartName="/ppt/notesSlides/notesSlide7.xml" ContentType="application/vnd.openxmlformats-officedocument.presentationml.notesSlide+xml"/>
  <Override PartName="/ppt/tags/tag6.xml" ContentType="application/vnd.openxmlformats-officedocument.presentationml.tags+xml"/>
  <Override PartName="/ppt/notesSlides/notesSlide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27"/>
    <p:sldMasterId id="2147483681" r:id="rId28"/>
  </p:sldMasterIdLst>
  <p:notesMasterIdLst>
    <p:notesMasterId r:id="rId43"/>
  </p:notesMasterIdLst>
  <p:handoutMasterIdLst>
    <p:handoutMasterId r:id="rId44"/>
  </p:handoutMasterIdLst>
  <p:sldIdLst>
    <p:sldId id="263" r:id="rId29"/>
    <p:sldId id="265" r:id="rId30"/>
    <p:sldId id="300" r:id="rId31"/>
    <p:sldId id="309" r:id="rId32"/>
    <p:sldId id="299" r:id="rId33"/>
    <p:sldId id="277" r:id="rId34"/>
    <p:sldId id="302" r:id="rId35"/>
    <p:sldId id="303" r:id="rId36"/>
    <p:sldId id="279" r:id="rId37"/>
    <p:sldId id="275" r:id="rId38"/>
    <p:sldId id="308" r:id="rId39"/>
    <p:sldId id="281" r:id="rId40"/>
    <p:sldId id="307" r:id="rId41"/>
    <p:sldId id="310" r:id="rId42"/>
  </p:sldIdLst>
  <p:sldSz cx="12192000" cy="6858000"/>
  <p:notesSz cx="6858000" cy="9144000"/>
  <p:defaultTextStyle>
    <a:defPPr lvl="0">
      <a:defRPr lang="nl-NL"/>
    </a:defPPr>
    <a:lvl1pPr marL="0" lvl="1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lvl="2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lvl="3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lvl="4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9AA3F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93" autoAdjust="0"/>
    <p:restoredTop sz="94660"/>
  </p:normalViewPr>
  <p:slideViewPr>
    <p:cSldViewPr snapToGrid="0">
      <p:cViewPr varScale="1">
        <p:scale>
          <a:sx n="108" d="100"/>
          <a:sy n="108" d="100"/>
        </p:scale>
        <p:origin x="600" y="102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3" d="100"/>
          <a:sy n="83" d="100"/>
        </p:scale>
        <p:origin x="2208" y="9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customXml" Target="../customXml/item26.xml"/><Relationship Id="rId39" Type="http://schemas.openxmlformats.org/officeDocument/2006/relationships/slide" Target="slides/slide11.xml"/><Relationship Id="rId21" Type="http://schemas.openxmlformats.org/officeDocument/2006/relationships/customXml" Target="../customXml/item21.xml"/><Relationship Id="rId34" Type="http://schemas.openxmlformats.org/officeDocument/2006/relationships/slide" Target="slides/slide6.xml"/><Relationship Id="rId42" Type="http://schemas.openxmlformats.org/officeDocument/2006/relationships/slide" Target="slides/slide14.xml"/><Relationship Id="rId47" Type="http://schemas.openxmlformats.org/officeDocument/2006/relationships/theme" Target="theme/theme1.xml"/><Relationship Id="rId7" Type="http://schemas.openxmlformats.org/officeDocument/2006/relationships/customXml" Target="../customXml/item7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9" Type="http://schemas.openxmlformats.org/officeDocument/2006/relationships/slide" Target="slides/slide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customXml" Target="../customXml/item24.xml"/><Relationship Id="rId32" Type="http://schemas.openxmlformats.org/officeDocument/2006/relationships/slide" Target="slides/slide4.xml"/><Relationship Id="rId37" Type="http://schemas.openxmlformats.org/officeDocument/2006/relationships/slide" Target="slides/slide9.xml"/><Relationship Id="rId40" Type="http://schemas.openxmlformats.org/officeDocument/2006/relationships/slide" Target="slides/slide12.xml"/><Relationship Id="rId45" Type="http://schemas.openxmlformats.org/officeDocument/2006/relationships/presProps" Target="presProps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slideMaster" Target="slideMasters/slideMaster2.xml"/><Relationship Id="rId36" Type="http://schemas.openxmlformats.org/officeDocument/2006/relationships/slide" Target="slides/slide8.xml"/><Relationship Id="rId10" Type="http://schemas.openxmlformats.org/officeDocument/2006/relationships/customXml" Target="../customXml/item10.xml"/><Relationship Id="rId19" Type="http://schemas.openxmlformats.org/officeDocument/2006/relationships/customXml" Target="../customXml/item19.xml"/><Relationship Id="rId31" Type="http://schemas.openxmlformats.org/officeDocument/2006/relationships/slide" Target="slides/slide3.xml"/><Relationship Id="rId44" Type="http://schemas.openxmlformats.org/officeDocument/2006/relationships/handoutMaster" Target="handoutMasters/handoutMaster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slideMaster" Target="slideMasters/slideMaster1.xml"/><Relationship Id="rId30" Type="http://schemas.openxmlformats.org/officeDocument/2006/relationships/slide" Target="slides/slide2.xml"/><Relationship Id="rId35" Type="http://schemas.openxmlformats.org/officeDocument/2006/relationships/slide" Target="slides/slide7.xml"/><Relationship Id="rId43" Type="http://schemas.openxmlformats.org/officeDocument/2006/relationships/notesMaster" Target="notesMasters/notesMaster1.xml"/><Relationship Id="rId48" Type="http://schemas.openxmlformats.org/officeDocument/2006/relationships/tableStyles" Target="tableStyles.xml"/><Relationship Id="rId8" Type="http://schemas.openxmlformats.org/officeDocument/2006/relationships/customXml" Target="../customXml/item8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slide" Target="slides/slide5.xml"/><Relationship Id="rId38" Type="http://schemas.openxmlformats.org/officeDocument/2006/relationships/slide" Target="slides/slide10.xml"/><Relationship Id="rId46" Type="http://schemas.openxmlformats.org/officeDocument/2006/relationships/viewProps" Target="viewProps.xml"/><Relationship Id="rId20" Type="http://schemas.openxmlformats.org/officeDocument/2006/relationships/customXml" Target="../customXml/item20.xml"/><Relationship Id="rId41" Type="http://schemas.openxmlformats.org/officeDocument/2006/relationships/slide" Target="slides/slide13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C19B8B2-E502-4346-A2C4-B5D7B3866A47}" type="datetimeFigureOut">
              <a:rPr lang="en-GB" smtClean="0"/>
              <a:t>10/05/2023</a:t>
            </a:fld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89DEE86-6240-4C91-9195-1DD56CA6AE1F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2903897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E723DA9-8EEA-4442-AD04-D20FEB943E53}" type="datetimeFigureOut">
              <a:rPr lang="en-GB" smtClean="0"/>
              <a:t>10/05/2023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GB"/>
              <a:t>Klik om de modelstijlen te bewerken</a:t>
            </a:r>
          </a:p>
          <a:p>
            <a:pPr lvl="1"/>
            <a:r>
              <a:rPr lang="en-GB"/>
              <a:t>Tweede niveau</a:t>
            </a:r>
          </a:p>
          <a:p>
            <a:pPr lvl="2"/>
            <a:r>
              <a:rPr lang="en-GB"/>
              <a:t>Derde niveau</a:t>
            </a:r>
          </a:p>
          <a:p>
            <a:pPr lvl="3"/>
            <a:r>
              <a:rPr lang="en-GB"/>
              <a:t>Vierde niveau</a:t>
            </a:r>
          </a:p>
          <a:p>
            <a:pPr lvl="4"/>
            <a:r>
              <a:rPr lang="en-GB"/>
              <a:t>Vijfde niveau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BFFFD2D-E339-48D0-8E51-8C7BC4E3C46A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2849299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L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BFFFD2D-E339-48D0-8E51-8C7BC4E3C46A}" type="slidenum">
              <a:rPr lang="en-GB" smtClean="0"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977637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L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BFFFD2D-E339-48D0-8E51-8C7BC4E3C46A}" type="slidenum">
              <a:rPr lang="en-GB" smtClean="0"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5094535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L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BFFFD2D-E339-48D0-8E51-8C7BC4E3C46A}" type="slidenum">
              <a:rPr lang="en-GB" smtClean="0"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8087117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L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BFFFD2D-E339-48D0-8E51-8C7BC4E3C46A}" type="slidenum">
              <a:rPr lang="en-GB" smtClean="0"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6480385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L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BFFFD2D-E339-48D0-8E51-8C7BC4E3C46A}" type="slidenum">
              <a:rPr lang="en-GB" smtClean="0"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5197290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L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BFFFD2D-E339-48D0-8E51-8C7BC4E3C46A}" type="slidenum">
              <a:rPr lang="en-GB" smtClean="0"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3679467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L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BFFFD2D-E339-48D0-8E51-8C7BC4E3C46A}" type="slidenum">
              <a:rPr lang="en-GB" smtClean="0"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840234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NL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BFFFD2D-E339-48D0-8E51-8C7BC4E3C46A}" type="slidenum">
              <a:rPr lang="en-GB" smtClean="0"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939530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customXml" Target="../../customXml/item5.xml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14.xml"/><Relationship Id="rId5" Type="http://schemas.openxmlformats.org/officeDocument/2006/relationships/slideMaster" Target="../slideMasters/slideMaster1.xml"/><Relationship Id="rId4" Type="http://schemas.openxmlformats.org/officeDocument/2006/relationships/customXml" Target="../../customXml/item19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virtualvaults.com/" TargetMode="External"/><Relationship Id="rId2" Type="http://schemas.openxmlformats.org/officeDocument/2006/relationships/slideMaster" Target="../slideMasters/slideMaster1.xml"/><Relationship Id="rId1" Type="http://schemas.openxmlformats.org/officeDocument/2006/relationships/customXml" Target="../../customXml/item25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[Opening]">
    <p:bg>
      <p:bgPr>
        <a:solidFill>
          <a:srgbClr val="0800F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1">
            <a:extLst>
              <a:ext uri="{FF2B5EF4-FFF2-40B4-BE49-F238E27FC236}">
                <a16:creationId xmlns:a16="http://schemas.microsoft.com/office/drawing/2014/main" id="{5DA7DF61-68AF-EEF3-A99C-7F21E90F7B46}"/>
              </a:ext>
            </a:extLst>
          </p:cNvPr>
          <p:cNvGrpSpPr>
            <a:grpSpLocks noSelect="1" noChangeAspect="1"/>
          </p:cNvGrpSpPr>
          <p:nvPr userDrawn="1"/>
        </p:nvGrpSpPr>
        <p:grpSpPr bwMode="invGray">
          <a:xfrm>
            <a:off x="4108450" y="2228850"/>
            <a:ext cx="3975100" cy="2871788"/>
            <a:chOff x="2588" y="1404"/>
            <a:chExt cx="2504" cy="1809"/>
          </a:xfrm>
        </p:grpSpPr>
        <p:sp>
          <p:nvSpPr>
            <p:cNvPr id="6" name="Freeform 5">
              <a:extLst>
                <a:ext uri="{FF2B5EF4-FFF2-40B4-BE49-F238E27FC236}">
                  <a16:creationId xmlns:a16="http://schemas.microsoft.com/office/drawing/2014/main" id="{D6A4AD21-4495-45D4-65FA-1D0D532F947E}"/>
                </a:ext>
              </a:extLst>
            </p:cNvPr>
            <p:cNvSpPr>
              <a:spLocks noSelect="1"/>
            </p:cNvSpPr>
            <p:nvPr userDrawn="1"/>
          </p:nvSpPr>
          <p:spPr bwMode="invGray">
            <a:xfrm>
              <a:off x="2588" y="1404"/>
              <a:ext cx="2504" cy="1213"/>
            </a:xfrm>
            <a:custGeom>
              <a:avLst/>
              <a:gdLst>
                <a:gd name="T0" fmla="*/ 2521 w 12516"/>
                <a:gd name="T1" fmla="*/ 0 h 6067"/>
                <a:gd name="T2" fmla="*/ 2921 w 12516"/>
                <a:gd name="T3" fmla="*/ 528 h 6067"/>
                <a:gd name="T4" fmla="*/ 2843 w 12516"/>
                <a:gd name="T5" fmla="*/ 642 h 6067"/>
                <a:gd name="T6" fmla="*/ 3179 w 12516"/>
                <a:gd name="T7" fmla="*/ 619 h 6067"/>
                <a:gd name="T8" fmla="*/ 5481 w 12516"/>
                <a:gd name="T9" fmla="*/ 2818 h 6067"/>
                <a:gd name="T10" fmla="*/ 6139 w 12516"/>
                <a:gd name="T11" fmla="*/ 1118 h 6067"/>
                <a:gd name="T12" fmla="*/ 6139 w 12516"/>
                <a:gd name="T13" fmla="*/ 619 h 6067"/>
                <a:gd name="T14" fmla="*/ 6059 w 12516"/>
                <a:gd name="T15" fmla="*/ 619 h 6067"/>
                <a:gd name="T16" fmla="*/ 5693 w 12516"/>
                <a:gd name="T17" fmla="*/ 661 h 6067"/>
                <a:gd name="T18" fmla="*/ 5880 w 12516"/>
                <a:gd name="T19" fmla="*/ 528 h 6067"/>
                <a:gd name="T20" fmla="*/ 5481 w 12516"/>
                <a:gd name="T21" fmla="*/ 0 h 6067"/>
                <a:gd name="T22" fmla="*/ 5156 w 12516"/>
                <a:gd name="T23" fmla="*/ 619 h 6067"/>
                <a:gd name="T24" fmla="*/ 5479 w 12516"/>
                <a:gd name="T25" fmla="*/ 2818 h 6067"/>
                <a:gd name="T26" fmla="*/ 1102 w 12516"/>
                <a:gd name="T27" fmla="*/ 5163 h 6067"/>
                <a:gd name="T28" fmla="*/ 789 w 12516"/>
                <a:gd name="T29" fmla="*/ 5992 h 6067"/>
                <a:gd name="T30" fmla="*/ 1530 w 12516"/>
                <a:gd name="T31" fmla="*/ 3792 h 6067"/>
                <a:gd name="T32" fmla="*/ 1530 w 12516"/>
                <a:gd name="T33" fmla="*/ 619 h 6067"/>
                <a:gd name="T34" fmla="*/ 682 w 12516"/>
                <a:gd name="T35" fmla="*/ 619 h 6067"/>
                <a:gd name="T36" fmla="*/ 1419 w 12516"/>
                <a:gd name="T37" fmla="*/ 2818 h 6067"/>
                <a:gd name="T38" fmla="*/ 10991 w 12516"/>
                <a:gd name="T39" fmla="*/ 4410 h 6067"/>
                <a:gd name="T40" fmla="*/ 9941 w 12516"/>
                <a:gd name="T41" fmla="*/ 4442 h 6067"/>
                <a:gd name="T42" fmla="*/ 11047 w 12516"/>
                <a:gd name="T43" fmla="*/ 5369 h 6067"/>
                <a:gd name="T44" fmla="*/ 9913 w 12516"/>
                <a:gd name="T45" fmla="*/ 5338 h 6067"/>
                <a:gd name="T46" fmla="*/ 10599 w 12516"/>
                <a:gd name="T47" fmla="*/ 4391 h 6067"/>
                <a:gd name="T48" fmla="*/ 8120 w 12516"/>
                <a:gd name="T49" fmla="*/ 619 h 6067"/>
                <a:gd name="T50" fmla="*/ 7391 w 12516"/>
                <a:gd name="T51" fmla="*/ 1836 h 6067"/>
                <a:gd name="T52" fmla="*/ 6733 w 12516"/>
                <a:gd name="T53" fmla="*/ 1935 h 6067"/>
                <a:gd name="T54" fmla="*/ 8148 w 12516"/>
                <a:gd name="T55" fmla="*/ 2585 h 6067"/>
                <a:gd name="T56" fmla="*/ 8778 w 12516"/>
                <a:gd name="T57" fmla="*/ 2818 h 6067"/>
                <a:gd name="T58" fmla="*/ 10784 w 12516"/>
                <a:gd name="T59" fmla="*/ 853 h 6067"/>
                <a:gd name="T60" fmla="*/ 11450 w 12516"/>
                <a:gd name="T61" fmla="*/ 619 h 6067"/>
                <a:gd name="T62" fmla="*/ 10792 w 12516"/>
                <a:gd name="T63" fmla="*/ 2581 h 6067"/>
                <a:gd name="T64" fmla="*/ 9037 w 12516"/>
                <a:gd name="T65" fmla="*/ 1717 h 6067"/>
                <a:gd name="T66" fmla="*/ 10792 w 12516"/>
                <a:gd name="T67" fmla="*/ 1717 h 6067"/>
                <a:gd name="T68" fmla="*/ 7486 w 12516"/>
                <a:gd name="T69" fmla="*/ 5992 h 6067"/>
                <a:gd name="T70" fmla="*/ 7486 w 12516"/>
                <a:gd name="T71" fmla="*/ 3168 h 6067"/>
                <a:gd name="T72" fmla="*/ 6010 w 12516"/>
                <a:gd name="T73" fmla="*/ 5449 h 6067"/>
                <a:gd name="T74" fmla="*/ 4999 w 12516"/>
                <a:gd name="T75" fmla="*/ 3792 h 6067"/>
                <a:gd name="T76" fmla="*/ 5843 w 12516"/>
                <a:gd name="T77" fmla="*/ 6063 h 6067"/>
                <a:gd name="T78" fmla="*/ 6422 w 12516"/>
                <a:gd name="T79" fmla="*/ 5992 h 6067"/>
                <a:gd name="T80" fmla="*/ 6386 w 12516"/>
                <a:gd name="T81" fmla="*/ 3792 h 6067"/>
                <a:gd name="T82" fmla="*/ 4304 w 12516"/>
                <a:gd name="T83" fmla="*/ 2818 h 6067"/>
                <a:gd name="T84" fmla="*/ 4840 w 12516"/>
                <a:gd name="T85" fmla="*/ 615 h 6067"/>
                <a:gd name="T86" fmla="*/ 11858 w 12516"/>
                <a:gd name="T87" fmla="*/ 0 h 6067"/>
                <a:gd name="T88" fmla="*/ 12516 w 12516"/>
                <a:gd name="T89" fmla="*/ 0 h 6067"/>
                <a:gd name="T90" fmla="*/ 4611 w 12516"/>
                <a:gd name="T91" fmla="*/ 3792 h 6067"/>
                <a:gd name="T92" fmla="*/ 3953 w 12516"/>
                <a:gd name="T93" fmla="*/ 5754 h 6067"/>
                <a:gd name="T94" fmla="*/ 2197 w 12516"/>
                <a:gd name="T95" fmla="*/ 4890 h 6067"/>
                <a:gd name="T96" fmla="*/ 3953 w 12516"/>
                <a:gd name="T97" fmla="*/ 4026 h 6067"/>
                <a:gd name="T98" fmla="*/ 3398 w 12516"/>
                <a:gd name="T99" fmla="*/ 4331 h 6067"/>
                <a:gd name="T100" fmla="*/ 3953 w 12516"/>
                <a:gd name="T101" fmla="*/ 4890 h 6067"/>
                <a:gd name="T102" fmla="*/ 9366 w 12516"/>
                <a:gd name="T103" fmla="*/ 3788 h 6067"/>
                <a:gd name="T104" fmla="*/ 9000 w 12516"/>
                <a:gd name="T105" fmla="*/ 3830 h 6067"/>
                <a:gd name="T106" fmla="*/ 9187 w 12516"/>
                <a:gd name="T107" fmla="*/ 3697 h 6067"/>
                <a:gd name="T108" fmla="*/ 8789 w 12516"/>
                <a:gd name="T109" fmla="*/ 3169 h 6067"/>
                <a:gd name="T110" fmla="*/ 8463 w 12516"/>
                <a:gd name="T111" fmla="*/ 3788 h 6067"/>
                <a:gd name="T112" fmla="*/ 8787 w 12516"/>
                <a:gd name="T113" fmla="*/ 5987 h 6067"/>
                <a:gd name="T114" fmla="*/ 9446 w 12516"/>
                <a:gd name="T115" fmla="*/ 5987 h 6067"/>
                <a:gd name="T116" fmla="*/ 9763 w 12516"/>
                <a:gd name="T117" fmla="*/ 3788 h 60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12516" h="6067">
                  <a:moveTo>
                    <a:pt x="3179" y="2818"/>
                  </a:moveTo>
                  <a:cubicBezTo>
                    <a:pt x="2521" y="2818"/>
                    <a:pt x="2521" y="2818"/>
                    <a:pt x="2521" y="2818"/>
                  </a:cubicBezTo>
                  <a:cubicBezTo>
                    <a:pt x="2521" y="0"/>
                    <a:pt x="2521" y="0"/>
                    <a:pt x="2521" y="0"/>
                  </a:cubicBezTo>
                  <a:cubicBezTo>
                    <a:pt x="3179" y="0"/>
                    <a:pt x="3179" y="0"/>
                    <a:pt x="3179" y="0"/>
                  </a:cubicBezTo>
                  <a:cubicBezTo>
                    <a:pt x="3179" y="105"/>
                    <a:pt x="3179" y="105"/>
                    <a:pt x="3179" y="105"/>
                  </a:cubicBezTo>
                  <a:cubicBezTo>
                    <a:pt x="3168" y="284"/>
                    <a:pt x="3080" y="442"/>
                    <a:pt x="2921" y="528"/>
                  </a:cubicBezTo>
                  <a:cubicBezTo>
                    <a:pt x="2869" y="559"/>
                    <a:pt x="2790" y="565"/>
                    <a:pt x="2733" y="573"/>
                  </a:cubicBezTo>
                  <a:cubicBezTo>
                    <a:pt x="2733" y="662"/>
                    <a:pt x="2733" y="662"/>
                    <a:pt x="2733" y="662"/>
                  </a:cubicBezTo>
                  <a:cubicBezTo>
                    <a:pt x="2760" y="658"/>
                    <a:pt x="2801" y="650"/>
                    <a:pt x="2843" y="642"/>
                  </a:cubicBezTo>
                  <a:cubicBezTo>
                    <a:pt x="2927" y="627"/>
                    <a:pt x="3013" y="619"/>
                    <a:pt x="3098" y="619"/>
                  </a:cubicBezTo>
                  <a:cubicBezTo>
                    <a:pt x="3179" y="619"/>
                    <a:pt x="3179" y="619"/>
                    <a:pt x="3179" y="619"/>
                  </a:cubicBezTo>
                  <a:cubicBezTo>
                    <a:pt x="3179" y="619"/>
                    <a:pt x="3179" y="619"/>
                    <a:pt x="3179" y="619"/>
                  </a:cubicBezTo>
                  <a:lnTo>
                    <a:pt x="3179" y="2818"/>
                  </a:lnTo>
                  <a:close/>
                  <a:moveTo>
                    <a:pt x="5479" y="2818"/>
                  </a:moveTo>
                  <a:cubicBezTo>
                    <a:pt x="5481" y="2818"/>
                    <a:pt x="5481" y="2818"/>
                    <a:pt x="5481" y="2818"/>
                  </a:cubicBezTo>
                  <a:cubicBezTo>
                    <a:pt x="6137" y="2818"/>
                    <a:pt x="6137" y="2818"/>
                    <a:pt x="6137" y="2818"/>
                  </a:cubicBezTo>
                  <a:cubicBezTo>
                    <a:pt x="6139" y="2818"/>
                    <a:pt x="6139" y="2818"/>
                    <a:pt x="6139" y="2818"/>
                  </a:cubicBezTo>
                  <a:cubicBezTo>
                    <a:pt x="6139" y="1118"/>
                    <a:pt x="6139" y="1118"/>
                    <a:pt x="6139" y="1118"/>
                  </a:cubicBezTo>
                  <a:cubicBezTo>
                    <a:pt x="6456" y="1118"/>
                    <a:pt x="6456" y="1118"/>
                    <a:pt x="6456" y="1118"/>
                  </a:cubicBezTo>
                  <a:cubicBezTo>
                    <a:pt x="6456" y="619"/>
                    <a:pt x="6456" y="619"/>
                    <a:pt x="6456" y="619"/>
                  </a:cubicBezTo>
                  <a:cubicBezTo>
                    <a:pt x="6139" y="619"/>
                    <a:pt x="6139" y="619"/>
                    <a:pt x="6139" y="619"/>
                  </a:cubicBezTo>
                  <a:cubicBezTo>
                    <a:pt x="6139" y="619"/>
                    <a:pt x="6139" y="619"/>
                    <a:pt x="6139" y="619"/>
                  </a:cubicBezTo>
                  <a:cubicBezTo>
                    <a:pt x="6137" y="619"/>
                    <a:pt x="6137" y="619"/>
                    <a:pt x="6137" y="619"/>
                  </a:cubicBezTo>
                  <a:cubicBezTo>
                    <a:pt x="6059" y="619"/>
                    <a:pt x="6059" y="619"/>
                    <a:pt x="6059" y="619"/>
                  </a:cubicBezTo>
                  <a:cubicBezTo>
                    <a:pt x="6057" y="619"/>
                    <a:pt x="6057" y="619"/>
                    <a:pt x="6057" y="619"/>
                  </a:cubicBezTo>
                  <a:cubicBezTo>
                    <a:pt x="5971" y="619"/>
                    <a:pt x="5886" y="627"/>
                    <a:pt x="5801" y="642"/>
                  </a:cubicBezTo>
                  <a:cubicBezTo>
                    <a:pt x="5760" y="650"/>
                    <a:pt x="5720" y="657"/>
                    <a:pt x="5693" y="661"/>
                  </a:cubicBezTo>
                  <a:cubicBezTo>
                    <a:pt x="5691" y="662"/>
                    <a:pt x="5691" y="662"/>
                    <a:pt x="5691" y="662"/>
                  </a:cubicBezTo>
                  <a:cubicBezTo>
                    <a:pt x="5691" y="573"/>
                    <a:pt x="5691" y="573"/>
                    <a:pt x="5691" y="573"/>
                  </a:cubicBezTo>
                  <a:cubicBezTo>
                    <a:pt x="5748" y="565"/>
                    <a:pt x="5827" y="559"/>
                    <a:pt x="5880" y="528"/>
                  </a:cubicBezTo>
                  <a:cubicBezTo>
                    <a:pt x="6039" y="442"/>
                    <a:pt x="6126" y="284"/>
                    <a:pt x="6137" y="105"/>
                  </a:cubicBezTo>
                  <a:cubicBezTo>
                    <a:pt x="6137" y="0"/>
                    <a:pt x="6137" y="0"/>
                    <a:pt x="6137" y="0"/>
                  </a:cubicBezTo>
                  <a:cubicBezTo>
                    <a:pt x="5481" y="0"/>
                    <a:pt x="5481" y="0"/>
                    <a:pt x="5481" y="0"/>
                  </a:cubicBezTo>
                  <a:cubicBezTo>
                    <a:pt x="5479" y="0"/>
                    <a:pt x="5479" y="0"/>
                    <a:pt x="5479" y="0"/>
                  </a:cubicBezTo>
                  <a:cubicBezTo>
                    <a:pt x="5479" y="619"/>
                    <a:pt x="5479" y="619"/>
                    <a:pt x="5479" y="619"/>
                  </a:cubicBezTo>
                  <a:cubicBezTo>
                    <a:pt x="5156" y="619"/>
                    <a:pt x="5156" y="619"/>
                    <a:pt x="5156" y="619"/>
                  </a:cubicBezTo>
                  <a:cubicBezTo>
                    <a:pt x="5156" y="1118"/>
                    <a:pt x="5156" y="1118"/>
                    <a:pt x="5156" y="1118"/>
                  </a:cubicBezTo>
                  <a:cubicBezTo>
                    <a:pt x="5479" y="1118"/>
                    <a:pt x="5479" y="1118"/>
                    <a:pt x="5479" y="1118"/>
                  </a:cubicBezTo>
                  <a:lnTo>
                    <a:pt x="5479" y="2818"/>
                  </a:lnTo>
                  <a:close/>
                  <a:moveTo>
                    <a:pt x="1530" y="3792"/>
                  </a:moveTo>
                  <a:cubicBezTo>
                    <a:pt x="1110" y="5163"/>
                    <a:pt x="1110" y="5163"/>
                    <a:pt x="1110" y="5163"/>
                  </a:cubicBezTo>
                  <a:cubicBezTo>
                    <a:pt x="1102" y="5163"/>
                    <a:pt x="1102" y="5163"/>
                    <a:pt x="1102" y="5163"/>
                  </a:cubicBezTo>
                  <a:cubicBezTo>
                    <a:pt x="682" y="3792"/>
                    <a:pt x="682" y="3792"/>
                    <a:pt x="682" y="3792"/>
                  </a:cubicBezTo>
                  <a:cubicBezTo>
                    <a:pt x="0" y="3792"/>
                    <a:pt x="0" y="3792"/>
                    <a:pt x="0" y="3792"/>
                  </a:cubicBezTo>
                  <a:cubicBezTo>
                    <a:pt x="789" y="5992"/>
                    <a:pt x="789" y="5992"/>
                    <a:pt x="789" y="5992"/>
                  </a:cubicBezTo>
                  <a:cubicBezTo>
                    <a:pt x="1419" y="5992"/>
                    <a:pt x="1419" y="5992"/>
                    <a:pt x="1419" y="5992"/>
                  </a:cubicBezTo>
                  <a:cubicBezTo>
                    <a:pt x="2211" y="3792"/>
                    <a:pt x="2211" y="3792"/>
                    <a:pt x="2211" y="3792"/>
                  </a:cubicBezTo>
                  <a:lnTo>
                    <a:pt x="1530" y="3792"/>
                  </a:lnTo>
                  <a:close/>
                  <a:moveTo>
                    <a:pt x="1419" y="2818"/>
                  </a:moveTo>
                  <a:cubicBezTo>
                    <a:pt x="2211" y="619"/>
                    <a:pt x="2211" y="619"/>
                    <a:pt x="2211" y="619"/>
                  </a:cubicBezTo>
                  <a:cubicBezTo>
                    <a:pt x="1530" y="619"/>
                    <a:pt x="1530" y="619"/>
                    <a:pt x="1530" y="619"/>
                  </a:cubicBezTo>
                  <a:cubicBezTo>
                    <a:pt x="1110" y="1990"/>
                    <a:pt x="1110" y="1990"/>
                    <a:pt x="1110" y="1990"/>
                  </a:cubicBezTo>
                  <a:cubicBezTo>
                    <a:pt x="1102" y="1990"/>
                    <a:pt x="1102" y="1990"/>
                    <a:pt x="1102" y="1990"/>
                  </a:cubicBezTo>
                  <a:cubicBezTo>
                    <a:pt x="682" y="619"/>
                    <a:pt x="682" y="619"/>
                    <a:pt x="682" y="619"/>
                  </a:cubicBezTo>
                  <a:cubicBezTo>
                    <a:pt x="0" y="619"/>
                    <a:pt x="0" y="619"/>
                    <a:pt x="0" y="619"/>
                  </a:cubicBezTo>
                  <a:cubicBezTo>
                    <a:pt x="789" y="2818"/>
                    <a:pt x="789" y="2818"/>
                    <a:pt x="789" y="2818"/>
                  </a:cubicBezTo>
                  <a:lnTo>
                    <a:pt x="1419" y="2818"/>
                  </a:lnTo>
                  <a:close/>
                  <a:moveTo>
                    <a:pt x="10599" y="4391"/>
                  </a:moveTo>
                  <a:cubicBezTo>
                    <a:pt x="10599" y="4291"/>
                    <a:pt x="10698" y="4244"/>
                    <a:pt x="10785" y="4244"/>
                  </a:cubicBezTo>
                  <a:cubicBezTo>
                    <a:pt x="10900" y="4244"/>
                    <a:pt x="10987" y="4288"/>
                    <a:pt x="10991" y="4410"/>
                  </a:cubicBezTo>
                  <a:cubicBezTo>
                    <a:pt x="11637" y="4410"/>
                    <a:pt x="11637" y="4410"/>
                    <a:pt x="11637" y="4410"/>
                  </a:cubicBezTo>
                  <a:cubicBezTo>
                    <a:pt x="11594" y="3943"/>
                    <a:pt x="11233" y="3717"/>
                    <a:pt x="10793" y="3717"/>
                  </a:cubicBezTo>
                  <a:cubicBezTo>
                    <a:pt x="10369" y="3717"/>
                    <a:pt x="9941" y="3982"/>
                    <a:pt x="9941" y="4442"/>
                  </a:cubicBezTo>
                  <a:cubicBezTo>
                    <a:pt x="9941" y="4751"/>
                    <a:pt x="10202" y="4922"/>
                    <a:pt x="10464" y="5017"/>
                  </a:cubicBezTo>
                  <a:cubicBezTo>
                    <a:pt x="10559" y="5052"/>
                    <a:pt x="10654" y="5084"/>
                    <a:pt x="10749" y="5116"/>
                  </a:cubicBezTo>
                  <a:cubicBezTo>
                    <a:pt x="10868" y="5163"/>
                    <a:pt x="11047" y="5211"/>
                    <a:pt x="11047" y="5369"/>
                  </a:cubicBezTo>
                  <a:cubicBezTo>
                    <a:pt x="11047" y="5484"/>
                    <a:pt x="10916" y="5540"/>
                    <a:pt x="10817" y="5540"/>
                  </a:cubicBezTo>
                  <a:cubicBezTo>
                    <a:pt x="10686" y="5540"/>
                    <a:pt x="10587" y="5473"/>
                    <a:pt x="10567" y="5338"/>
                  </a:cubicBezTo>
                  <a:cubicBezTo>
                    <a:pt x="9913" y="5338"/>
                    <a:pt x="9913" y="5338"/>
                    <a:pt x="9913" y="5338"/>
                  </a:cubicBezTo>
                  <a:cubicBezTo>
                    <a:pt x="9965" y="5821"/>
                    <a:pt x="10349" y="6067"/>
                    <a:pt x="10809" y="6067"/>
                  </a:cubicBezTo>
                  <a:cubicBezTo>
                    <a:pt x="11257" y="6067"/>
                    <a:pt x="11704" y="5813"/>
                    <a:pt x="11704" y="5318"/>
                  </a:cubicBezTo>
                  <a:cubicBezTo>
                    <a:pt x="11704" y="4541"/>
                    <a:pt x="10599" y="4735"/>
                    <a:pt x="10599" y="4391"/>
                  </a:cubicBezTo>
                  <a:close/>
                  <a:moveTo>
                    <a:pt x="8778" y="2818"/>
                  </a:moveTo>
                  <a:cubicBezTo>
                    <a:pt x="8778" y="619"/>
                    <a:pt x="8778" y="619"/>
                    <a:pt x="8778" y="619"/>
                  </a:cubicBezTo>
                  <a:cubicBezTo>
                    <a:pt x="8120" y="619"/>
                    <a:pt x="8120" y="619"/>
                    <a:pt x="8120" y="619"/>
                  </a:cubicBezTo>
                  <a:cubicBezTo>
                    <a:pt x="8120" y="1828"/>
                    <a:pt x="8120" y="1828"/>
                    <a:pt x="8120" y="1828"/>
                  </a:cubicBezTo>
                  <a:cubicBezTo>
                    <a:pt x="8120" y="2081"/>
                    <a:pt x="8017" y="2275"/>
                    <a:pt x="7744" y="2275"/>
                  </a:cubicBezTo>
                  <a:cubicBezTo>
                    <a:pt x="7447" y="2275"/>
                    <a:pt x="7391" y="2085"/>
                    <a:pt x="7391" y="1836"/>
                  </a:cubicBezTo>
                  <a:cubicBezTo>
                    <a:pt x="7391" y="619"/>
                    <a:pt x="7391" y="619"/>
                    <a:pt x="7391" y="619"/>
                  </a:cubicBezTo>
                  <a:cubicBezTo>
                    <a:pt x="6733" y="619"/>
                    <a:pt x="6733" y="619"/>
                    <a:pt x="6733" y="619"/>
                  </a:cubicBezTo>
                  <a:cubicBezTo>
                    <a:pt x="6733" y="1935"/>
                    <a:pt x="6733" y="1935"/>
                    <a:pt x="6733" y="1935"/>
                  </a:cubicBezTo>
                  <a:cubicBezTo>
                    <a:pt x="6733" y="2208"/>
                    <a:pt x="6753" y="2390"/>
                    <a:pt x="6931" y="2612"/>
                  </a:cubicBezTo>
                  <a:cubicBezTo>
                    <a:pt x="7090" y="2807"/>
                    <a:pt x="7336" y="2890"/>
                    <a:pt x="7577" y="2890"/>
                  </a:cubicBezTo>
                  <a:cubicBezTo>
                    <a:pt x="7823" y="2890"/>
                    <a:pt x="8033" y="2822"/>
                    <a:pt x="8148" y="2585"/>
                  </a:cubicBezTo>
                  <a:cubicBezTo>
                    <a:pt x="8156" y="2585"/>
                    <a:pt x="8156" y="2585"/>
                    <a:pt x="8156" y="2585"/>
                  </a:cubicBezTo>
                  <a:cubicBezTo>
                    <a:pt x="8156" y="2818"/>
                    <a:pt x="8156" y="2818"/>
                    <a:pt x="8156" y="2818"/>
                  </a:cubicBezTo>
                  <a:lnTo>
                    <a:pt x="8778" y="2818"/>
                  </a:lnTo>
                  <a:close/>
                  <a:moveTo>
                    <a:pt x="9037" y="1717"/>
                  </a:moveTo>
                  <a:cubicBezTo>
                    <a:pt x="9037" y="1075"/>
                    <a:pt x="9481" y="544"/>
                    <a:pt x="10142" y="544"/>
                  </a:cubicBezTo>
                  <a:cubicBezTo>
                    <a:pt x="10384" y="544"/>
                    <a:pt x="10654" y="635"/>
                    <a:pt x="10784" y="853"/>
                  </a:cubicBezTo>
                  <a:cubicBezTo>
                    <a:pt x="10792" y="853"/>
                    <a:pt x="10792" y="853"/>
                    <a:pt x="10792" y="853"/>
                  </a:cubicBezTo>
                  <a:cubicBezTo>
                    <a:pt x="10792" y="619"/>
                    <a:pt x="10792" y="619"/>
                    <a:pt x="10792" y="619"/>
                  </a:cubicBezTo>
                  <a:cubicBezTo>
                    <a:pt x="11450" y="619"/>
                    <a:pt x="11450" y="619"/>
                    <a:pt x="11450" y="619"/>
                  </a:cubicBezTo>
                  <a:cubicBezTo>
                    <a:pt x="11450" y="2818"/>
                    <a:pt x="11450" y="2818"/>
                    <a:pt x="11450" y="2818"/>
                  </a:cubicBezTo>
                  <a:cubicBezTo>
                    <a:pt x="10792" y="2818"/>
                    <a:pt x="10792" y="2818"/>
                    <a:pt x="10792" y="2818"/>
                  </a:cubicBezTo>
                  <a:cubicBezTo>
                    <a:pt x="10792" y="2581"/>
                    <a:pt x="10792" y="2581"/>
                    <a:pt x="10792" y="2581"/>
                  </a:cubicBezTo>
                  <a:cubicBezTo>
                    <a:pt x="10784" y="2581"/>
                    <a:pt x="10784" y="2581"/>
                    <a:pt x="10784" y="2581"/>
                  </a:cubicBezTo>
                  <a:cubicBezTo>
                    <a:pt x="10665" y="2806"/>
                    <a:pt x="10380" y="2894"/>
                    <a:pt x="10142" y="2894"/>
                  </a:cubicBezTo>
                  <a:cubicBezTo>
                    <a:pt x="9465" y="2894"/>
                    <a:pt x="9037" y="2371"/>
                    <a:pt x="9037" y="1717"/>
                  </a:cubicBezTo>
                  <a:close/>
                  <a:moveTo>
                    <a:pt x="9695" y="1725"/>
                  </a:moveTo>
                  <a:cubicBezTo>
                    <a:pt x="9695" y="2030"/>
                    <a:pt x="9932" y="2279"/>
                    <a:pt x="10241" y="2279"/>
                  </a:cubicBezTo>
                  <a:cubicBezTo>
                    <a:pt x="10562" y="2279"/>
                    <a:pt x="10792" y="2034"/>
                    <a:pt x="10792" y="1717"/>
                  </a:cubicBezTo>
                  <a:cubicBezTo>
                    <a:pt x="10792" y="1396"/>
                    <a:pt x="10559" y="1158"/>
                    <a:pt x="10237" y="1158"/>
                  </a:cubicBezTo>
                  <a:cubicBezTo>
                    <a:pt x="9916" y="1158"/>
                    <a:pt x="9695" y="1411"/>
                    <a:pt x="9695" y="1725"/>
                  </a:cubicBezTo>
                  <a:close/>
                  <a:moveTo>
                    <a:pt x="7486" y="5992"/>
                  </a:moveTo>
                  <a:cubicBezTo>
                    <a:pt x="8144" y="5992"/>
                    <a:pt x="8144" y="5992"/>
                    <a:pt x="8144" y="5992"/>
                  </a:cubicBezTo>
                  <a:cubicBezTo>
                    <a:pt x="8144" y="3168"/>
                    <a:pt x="8144" y="3168"/>
                    <a:pt x="8144" y="3168"/>
                  </a:cubicBezTo>
                  <a:cubicBezTo>
                    <a:pt x="7486" y="3168"/>
                    <a:pt x="7486" y="3168"/>
                    <a:pt x="7486" y="3168"/>
                  </a:cubicBezTo>
                  <a:lnTo>
                    <a:pt x="7486" y="5992"/>
                  </a:lnTo>
                  <a:close/>
                  <a:moveTo>
                    <a:pt x="6386" y="5001"/>
                  </a:moveTo>
                  <a:cubicBezTo>
                    <a:pt x="6386" y="5255"/>
                    <a:pt x="6283" y="5449"/>
                    <a:pt x="6010" y="5449"/>
                  </a:cubicBezTo>
                  <a:cubicBezTo>
                    <a:pt x="5713" y="5449"/>
                    <a:pt x="5657" y="5258"/>
                    <a:pt x="5657" y="5009"/>
                  </a:cubicBezTo>
                  <a:cubicBezTo>
                    <a:pt x="5657" y="3792"/>
                    <a:pt x="5657" y="3792"/>
                    <a:pt x="5657" y="3792"/>
                  </a:cubicBezTo>
                  <a:cubicBezTo>
                    <a:pt x="4999" y="3792"/>
                    <a:pt x="4999" y="3792"/>
                    <a:pt x="4999" y="3792"/>
                  </a:cubicBezTo>
                  <a:cubicBezTo>
                    <a:pt x="4999" y="5108"/>
                    <a:pt x="4999" y="5108"/>
                    <a:pt x="4999" y="5108"/>
                  </a:cubicBezTo>
                  <a:cubicBezTo>
                    <a:pt x="4999" y="5381"/>
                    <a:pt x="5019" y="5564"/>
                    <a:pt x="5198" y="5786"/>
                  </a:cubicBezTo>
                  <a:cubicBezTo>
                    <a:pt x="5356" y="5980"/>
                    <a:pt x="5602" y="6063"/>
                    <a:pt x="5843" y="6063"/>
                  </a:cubicBezTo>
                  <a:cubicBezTo>
                    <a:pt x="6089" y="6063"/>
                    <a:pt x="6299" y="5996"/>
                    <a:pt x="6414" y="5758"/>
                  </a:cubicBezTo>
                  <a:cubicBezTo>
                    <a:pt x="6422" y="5758"/>
                    <a:pt x="6422" y="5758"/>
                    <a:pt x="6422" y="5758"/>
                  </a:cubicBezTo>
                  <a:cubicBezTo>
                    <a:pt x="6422" y="5992"/>
                    <a:pt x="6422" y="5992"/>
                    <a:pt x="6422" y="5992"/>
                  </a:cubicBezTo>
                  <a:cubicBezTo>
                    <a:pt x="7044" y="5992"/>
                    <a:pt x="7044" y="5992"/>
                    <a:pt x="7044" y="5992"/>
                  </a:cubicBezTo>
                  <a:cubicBezTo>
                    <a:pt x="7044" y="3792"/>
                    <a:pt x="7044" y="3792"/>
                    <a:pt x="7044" y="3792"/>
                  </a:cubicBezTo>
                  <a:cubicBezTo>
                    <a:pt x="6386" y="3792"/>
                    <a:pt x="6386" y="3792"/>
                    <a:pt x="6386" y="3792"/>
                  </a:cubicBezTo>
                  <a:lnTo>
                    <a:pt x="6386" y="5001"/>
                  </a:lnTo>
                  <a:close/>
                  <a:moveTo>
                    <a:pt x="3646" y="2818"/>
                  </a:moveTo>
                  <a:cubicBezTo>
                    <a:pt x="4304" y="2818"/>
                    <a:pt x="4304" y="2818"/>
                    <a:pt x="4304" y="2818"/>
                  </a:cubicBezTo>
                  <a:cubicBezTo>
                    <a:pt x="4307" y="1120"/>
                    <a:pt x="4307" y="1120"/>
                    <a:pt x="4307" y="1120"/>
                  </a:cubicBezTo>
                  <a:cubicBezTo>
                    <a:pt x="4840" y="1120"/>
                    <a:pt x="4840" y="1120"/>
                    <a:pt x="4840" y="1120"/>
                  </a:cubicBezTo>
                  <a:cubicBezTo>
                    <a:pt x="4840" y="615"/>
                    <a:pt x="4840" y="615"/>
                    <a:pt x="4840" y="615"/>
                  </a:cubicBezTo>
                  <a:cubicBezTo>
                    <a:pt x="3646" y="615"/>
                    <a:pt x="3646" y="615"/>
                    <a:pt x="3646" y="615"/>
                  </a:cubicBezTo>
                  <a:lnTo>
                    <a:pt x="3646" y="2818"/>
                  </a:lnTo>
                  <a:close/>
                  <a:moveTo>
                    <a:pt x="11858" y="0"/>
                  </a:moveTo>
                  <a:cubicBezTo>
                    <a:pt x="11858" y="2818"/>
                    <a:pt x="11858" y="2818"/>
                    <a:pt x="11858" y="2818"/>
                  </a:cubicBezTo>
                  <a:cubicBezTo>
                    <a:pt x="12516" y="2818"/>
                    <a:pt x="12516" y="2818"/>
                    <a:pt x="12516" y="2818"/>
                  </a:cubicBezTo>
                  <a:cubicBezTo>
                    <a:pt x="12516" y="0"/>
                    <a:pt x="12516" y="0"/>
                    <a:pt x="12516" y="0"/>
                  </a:cubicBezTo>
                  <a:lnTo>
                    <a:pt x="11858" y="0"/>
                  </a:lnTo>
                  <a:close/>
                  <a:moveTo>
                    <a:pt x="3953" y="3792"/>
                  </a:moveTo>
                  <a:cubicBezTo>
                    <a:pt x="4611" y="3792"/>
                    <a:pt x="4611" y="3792"/>
                    <a:pt x="4611" y="3792"/>
                  </a:cubicBezTo>
                  <a:cubicBezTo>
                    <a:pt x="4611" y="5992"/>
                    <a:pt x="4611" y="5992"/>
                    <a:pt x="4611" y="5992"/>
                  </a:cubicBezTo>
                  <a:cubicBezTo>
                    <a:pt x="3953" y="5992"/>
                    <a:pt x="3953" y="5992"/>
                    <a:pt x="3953" y="5992"/>
                  </a:cubicBezTo>
                  <a:cubicBezTo>
                    <a:pt x="3953" y="5754"/>
                    <a:pt x="3953" y="5754"/>
                    <a:pt x="3953" y="5754"/>
                  </a:cubicBezTo>
                  <a:cubicBezTo>
                    <a:pt x="3945" y="5754"/>
                    <a:pt x="3945" y="5754"/>
                    <a:pt x="3945" y="5754"/>
                  </a:cubicBezTo>
                  <a:cubicBezTo>
                    <a:pt x="3826" y="5980"/>
                    <a:pt x="3541" y="6067"/>
                    <a:pt x="3303" y="6067"/>
                  </a:cubicBezTo>
                  <a:cubicBezTo>
                    <a:pt x="2625" y="6067"/>
                    <a:pt x="2197" y="5544"/>
                    <a:pt x="2197" y="4890"/>
                  </a:cubicBezTo>
                  <a:cubicBezTo>
                    <a:pt x="2197" y="4248"/>
                    <a:pt x="2641" y="3717"/>
                    <a:pt x="3303" y="3717"/>
                  </a:cubicBezTo>
                  <a:cubicBezTo>
                    <a:pt x="3545" y="3717"/>
                    <a:pt x="3814" y="3808"/>
                    <a:pt x="3945" y="4026"/>
                  </a:cubicBezTo>
                  <a:cubicBezTo>
                    <a:pt x="3953" y="4026"/>
                    <a:pt x="3953" y="4026"/>
                    <a:pt x="3953" y="4026"/>
                  </a:cubicBezTo>
                  <a:lnTo>
                    <a:pt x="3953" y="3792"/>
                  </a:lnTo>
                  <a:close/>
                  <a:moveTo>
                    <a:pt x="3953" y="4890"/>
                  </a:moveTo>
                  <a:cubicBezTo>
                    <a:pt x="3953" y="4569"/>
                    <a:pt x="3719" y="4331"/>
                    <a:pt x="3398" y="4331"/>
                  </a:cubicBezTo>
                  <a:cubicBezTo>
                    <a:pt x="3077" y="4331"/>
                    <a:pt x="2855" y="4585"/>
                    <a:pt x="2855" y="4898"/>
                  </a:cubicBezTo>
                  <a:cubicBezTo>
                    <a:pt x="2855" y="5203"/>
                    <a:pt x="3093" y="5453"/>
                    <a:pt x="3402" y="5453"/>
                  </a:cubicBezTo>
                  <a:cubicBezTo>
                    <a:pt x="3723" y="5453"/>
                    <a:pt x="3953" y="5207"/>
                    <a:pt x="3953" y="4890"/>
                  </a:cubicBezTo>
                  <a:close/>
                  <a:moveTo>
                    <a:pt x="9446" y="3788"/>
                  </a:moveTo>
                  <a:cubicBezTo>
                    <a:pt x="9445" y="3788"/>
                    <a:pt x="9445" y="3788"/>
                    <a:pt x="9445" y="3788"/>
                  </a:cubicBezTo>
                  <a:cubicBezTo>
                    <a:pt x="9366" y="3788"/>
                    <a:pt x="9366" y="3788"/>
                    <a:pt x="9366" y="3788"/>
                  </a:cubicBezTo>
                  <a:cubicBezTo>
                    <a:pt x="9364" y="3788"/>
                    <a:pt x="9364" y="3788"/>
                    <a:pt x="9364" y="3788"/>
                  </a:cubicBezTo>
                  <a:cubicBezTo>
                    <a:pt x="9279" y="3788"/>
                    <a:pt x="9193" y="3795"/>
                    <a:pt x="9109" y="3811"/>
                  </a:cubicBezTo>
                  <a:cubicBezTo>
                    <a:pt x="9067" y="3819"/>
                    <a:pt x="9027" y="3826"/>
                    <a:pt x="9000" y="3830"/>
                  </a:cubicBezTo>
                  <a:cubicBezTo>
                    <a:pt x="8999" y="3831"/>
                    <a:pt x="8999" y="3831"/>
                    <a:pt x="8999" y="3831"/>
                  </a:cubicBezTo>
                  <a:cubicBezTo>
                    <a:pt x="8999" y="3742"/>
                    <a:pt x="8999" y="3742"/>
                    <a:pt x="8999" y="3742"/>
                  </a:cubicBezTo>
                  <a:cubicBezTo>
                    <a:pt x="9056" y="3734"/>
                    <a:pt x="9135" y="3728"/>
                    <a:pt x="9187" y="3697"/>
                  </a:cubicBezTo>
                  <a:cubicBezTo>
                    <a:pt x="9346" y="3611"/>
                    <a:pt x="9434" y="3452"/>
                    <a:pt x="9445" y="3274"/>
                  </a:cubicBezTo>
                  <a:cubicBezTo>
                    <a:pt x="9445" y="3169"/>
                    <a:pt x="9445" y="3169"/>
                    <a:pt x="9445" y="3169"/>
                  </a:cubicBezTo>
                  <a:cubicBezTo>
                    <a:pt x="8789" y="3169"/>
                    <a:pt x="8789" y="3169"/>
                    <a:pt x="8789" y="3169"/>
                  </a:cubicBezTo>
                  <a:cubicBezTo>
                    <a:pt x="8787" y="3169"/>
                    <a:pt x="8787" y="3169"/>
                    <a:pt x="8787" y="3169"/>
                  </a:cubicBezTo>
                  <a:cubicBezTo>
                    <a:pt x="8787" y="3788"/>
                    <a:pt x="8787" y="3788"/>
                    <a:pt x="8787" y="3788"/>
                  </a:cubicBezTo>
                  <a:cubicBezTo>
                    <a:pt x="8463" y="3788"/>
                    <a:pt x="8463" y="3788"/>
                    <a:pt x="8463" y="3788"/>
                  </a:cubicBezTo>
                  <a:cubicBezTo>
                    <a:pt x="8463" y="4287"/>
                    <a:pt x="8463" y="4287"/>
                    <a:pt x="8463" y="4287"/>
                  </a:cubicBezTo>
                  <a:cubicBezTo>
                    <a:pt x="8787" y="4287"/>
                    <a:pt x="8787" y="4287"/>
                    <a:pt x="8787" y="4287"/>
                  </a:cubicBezTo>
                  <a:cubicBezTo>
                    <a:pt x="8787" y="5987"/>
                    <a:pt x="8787" y="5987"/>
                    <a:pt x="8787" y="5987"/>
                  </a:cubicBezTo>
                  <a:cubicBezTo>
                    <a:pt x="8789" y="5987"/>
                    <a:pt x="8789" y="5987"/>
                    <a:pt x="8789" y="5987"/>
                  </a:cubicBezTo>
                  <a:cubicBezTo>
                    <a:pt x="9445" y="5987"/>
                    <a:pt x="9445" y="5987"/>
                    <a:pt x="9445" y="5987"/>
                  </a:cubicBezTo>
                  <a:cubicBezTo>
                    <a:pt x="9446" y="5987"/>
                    <a:pt x="9446" y="5987"/>
                    <a:pt x="9446" y="5987"/>
                  </a:cubicBezTo>
                  <a:cubicBezTo>
                    <a:pt x="9446" y="4287"/>
                    <a:pt x="9446" y="4287"/>
                    <a:pt x="9446" y="4287"/>
                  </a:cubicBezTo>
                  <a:cubicBezTo>
                    <a:pt x="9763" y="4287"/>
                    <a:pt x="9763" y="4287"/>
                    <a:pt x="9763" y="4287"/>
                  </a:cubicBezTo>
                  <a:cubicBezTo>
                    <a:pt x="9763" y="3788"/>
                    <a:pt x="9763" y="3788"/>
                    <a:pt x="9763" y="3788"/>
                  </a:cubicBezTo>
                  <a:cubicBezTo>
                    <a:pt x="9446" y="3788"/>
                    <a:pt x="9446" y="3788"/>
                    <a:pt x="9446" y="3788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7" name="Freeform 6">
              <a:extLst>
                <a:ext uri="{FF2B5EF4-FFF2-40B4-BE49-F238E27FC236}">
                  <a16:creationId xmlns:a16="http://schemas.microsoft.com/office/drawing/2014/main" id="{E92F2EDD-4156-29F6-6ACD-6BEDB22AF9BC}"/>
                </a:ext>
              </a:extLst>
            </p:cNvPr>
            <p:cNvSpPr>
              <a:spLocks noSelect="1"/>
            </p:cNvSpPr>
            <p:nvPr userDrawn="1"/>
          </p:nvSpPr>
          <p:spPr bwMode="invGray">
            <a:xfrm>
              <a:off x="2870" y="3003"/>
              <a:ext cx="1910" cy="210"/>
            </a:xfrm>
            <a:custGeom>
              <a:avLst/>
              <a:gdLst>
                <a:gd name="T0" fmla="*/ 2096 w 9547"/>
                <a:gd name="T1" fmla="*/ 104 h 1051"/>
                <a:gd name="T2" fmla="*/ 7443 w 9547"/>
                <a:gd name="T3" fmla="*/ 0 h 1051"/>
                <a:gd name="T4" fmla="*/ 9042 w 9547"/>
                <a:gd name="T5" fmla="*/ 215 h 1051"/>
                <a:gd name="T6" fmla="*/ 1642 w 9547"/>
                <a:gd name="T7" fmla="*/ 228 h 1051"/>
                <a:gd name="T8" fmla="*/ 1842 w 9547"/>
                <a:gd name="T9" fmla="*/ 144 h 1051"/>
                <a:gd name="T10" fmla="*/ 8586 w 9547"/>
                <a:gd name="T11" fmla="*/ 112 h 1051"/>
                <a:gd name="T12" fmla="*/ 2992 w 9547"/>
                <a:gd name="T13" fmla="*/ 410 h 1051"/>
                <a:gd name="T14" fmla="*/ 2412 w 9547"/>
                <a:gd name="T15" fmla="*/ 330 h 1051"/>
                <a:gd name="T16" fmla="*/ 2593 w 9547"/>
                <a:gd name="T17" fmla="*/ 312 h 1051"/>
                <a:gd name="T18" fmla="*/ 7522 w 9547"/>
                <a:gd name="T19" fmla="*/ 112 h 1051"/>
                <a:gd name="T20" fmla="*/ 7233 w 9547"/>
                <a:gd name="T21" fmla="*/ 410 h 1051"/>
                <a:gd name="T22" fmla="*/ 7233 w 9547"/>
                <a:gd name="T23" fmla="*/ 410 h 1051"/>
                <a:gd name="T24" fmla="*/ 8095 w 9547"/>
                <a:gd name="T25" fmla="*/ 418 h 1051"/>
                <a:gd name="T26" fmla="*/ 8102 w 9547"/>
                <a:gd name="T27" fmla="*/ 355 h 1051"/>
                <a:gd name="T28" fmla="*/ 3632 w 9547"/>
                <a:gd name="T29" fmla="*/ 297 h 1051"/>
                <a:gd name="T30" fmla="*/ 4616 w 9547"/>
                <a:gd name="T31" fmla="*/ 228 h 1051"/>
                <a:gd name="T32" fmla="*/ 3251 w 9547"/>
                <a:gd name="T33" fmla="*/ 141 h 1051"/>
                <a:gd name="T34" fmla="*/ 3252 w 9547"/>
                <a:gd name="T35" fmla="*/ 233 h 1051"/>
                <a:gd name="T36" fmla="*/ 6197 w 9547"/>
                <a:gd name="T37" fmla="*/ 215 h 1051"/>
                <a:gd name="T38" fmla="*/ 4894 w 9547"/>
                <a:gd name="T39" fmla="*/ 377 h 1051"/>
                <a:gd name="T40" fmla="*/ 4069 w 9547"/>
                <a:gd name="T41" fmla="*/ 261 h 1051"/>
                <a:gd name="T42" fmla="*/ 4143 w 9547"/>
                <a:gd name="T43" fmla="*/ 228 h 1051"/>
                <a:gd name="T44" fmla="*/ 9138 w 9547"/>
                <a:gd name="T45" fmla="*/ 146 h 1051"/>
                <a:gd name="T46" fmla="*/ 798 w 9547"/>
                <a:gd name="T47" fmla="*/ 354 h 1051"/>
                <a:gd name="T48" fmla="*/ 9547 w 9547"/>
                <a:gd name="T49" fmla="*/ 410 h 1051"/>
                <a:gd name="T50" fmla="*/ 6601 w 9547"/>
                <a:gd name="T51" fmla="*/ 381 h 1051"/>
                <a:gd name="T52" fmla="*/ 1131 w 9547"/>
                <a:gd name="T53" fmla="*/ 0 h 1051"/>
                <a:gd name="T54" fmla="*/ 351 w 9547"/>
                <a:gd name="T55" fmla="*/ 410 h 1051"/>
                <a:gd name="T56" fmla="*/ 6994 w 9547"/>
                <a:gd name="T57" fmla="*/ 352 h 1051"/>
                <a:gd name="T58" fmla="*/ 5349 w 9547"/>
                <a:gd name="T59" fmla="*/ 112 h 1051"/>
                <a:gd name="T60" fmla="*/ 5789 w 9547"/>
                <a:gd name="T61" fmla="*/ 410 h 1051"/>
                <a:gd name="T62" fmla="*/ 2713 w 9547"/>
                <a:gd name="T63" fmla="*/ 879 h 1051"/>
                <a:gd name="T64" fmla="*/ 2586 w 9547"/>
                <a:gd name="T65" fmla="*/ 826 h 1051"/>
                <a:gd name="T66" fmla="*/ 2352 w 9547"/>
                <a:gd name="T67" fmla="*/ 818 h 1051"/>
                <a:gd name="T68" fmla="*/ 2284 w 9547"/>
                <a:gd name="T69" fmla="*/ 947 h 1051"/>
                <a:gd name="T70" fmla="*/ 5693 w 9547"/>
                <a:gd name="T71" fmla="*/ 927 h 1051"/>
                <a:gd name="T72" fmla="*/ 5924 w 9547"/>
                <a:gd name="T73" fmla="*/ 955 h 1051"/>
                <a:gd name="T74" fmla="*/ 5621 w 9547"/>
                <a:gd name="T75" fmla="*/ 780 h 1051"/>
                <a:gd name="T76" fmla="*/ 6085 w 9547"/>
                <a:gd name="T77" fmla="*/ 806 h 1051"/>
                <a:gd name="T78" fmla="*/ 6106 w 9547"/>
                <a:gd name="T79" fmla="*/ 941 h 1051"/>
                <a:gd name="T80" fmla="*/ 5448 w 9547"/>
                <a:gd name="T81" fmla="*/ 733 h 1051"/>
                <a:gd name="T82" fmla="*/ 2878 w 9547"/>
                <a:gd name="T83" fmla="*/ 955 h 1051"/>
                <a:gd name="T84" fmla="*/ 6840 w 9547"/>
                <a:gd name="T85" fmla="*/ 783 h 1051"/>
                <a:gd name="T86" fmla="*/ 5411 w 9547"/>
                <a:gd name="T87" fmla="*/ 717 h 1051"/>
                <a:gd name="T88" fmla="*/ 7154 w 9547"/>
                <a:gd name="T89" fmla="*/ 927 h 1051"/>
                <a:gd name="T90" fmla="*/ 6782 w 9547"/>
                <a:gd name="T91" fmla="*/ 930 h 1051"/>
                <a:gd name="T92" fmla="*/ 6668 w 9547"/>
                <a:gd name="T93" fmla="*/ 836 h 1051"/>
                <a:gd name="T94" fmla="*/ 6750 w 9547"/>
                <a:gd name="T95" fmla="*/ 882 h 1051"/>
                <a:gd name="T96" fmla="*/ 3439 w 9547"/>
                <a:gd name="T97" fmla="*/ 978 h 1051"/>
                <a:gd name="T98" fmla="*/ 3582 w 9547"/>
                <a:gd name="T99" fmla="*/ 809 h 1051"/>
                <a:gd name="T100" fmla="*/ 4935 w 9547"/>
                <a:gd name="T101" fmla="*/ 1023 h 1051"/>
                <a:gd name="T102" fmla="*/ 7502 w 9547"/>
                <a:gd name="T103" fmla="*/ 957 h 1051"/>
                <a:gd name="T104" fmla="*/ 3327 w 9547"/>
                <a:gd name="T105" fmla="*/ 974 h 1051"/>
                <a:gd name="T106" fmla="*/ 3034 w 9547"/>
                <a:gd name="T107" fmla="*/ 978 h 1051"/>
                <a:gd name="T108" fmla="*/ 3868 w 9547"/>
                <a:gd name="T109" fmla="*/ 807 h 1051"/>
                <a:gd name="T110" fmla="*/ 3805 w 9547"/>
                <a:gd name="T111" fmla="*/ 807 h 1051"/>
                <a:gd name="T112" fmla="*/ 4728 w 9547"/>
                <a:gd name="T113" fmla="*/ 703 h 1051"/>
                <a:gd name="T114" fmla="*/ 7308 w 9547"/>
                <a:gd name="T115" fmla="*/ 853 h 1051"/>
                <a:gd name="T116" fmla="*/ 7379 w 9547"/>
                <a:gd name="T117" fmla="*/ 924 h 1051"/>
                <a:gd name="T118" fmla="*/ 4016 w 9547"/>
                <a:gd name="T119" fmla="*/ 783 h 1051"/>
                <a:gd name="T120" fmla="*/ 4377 w 9547"/>
                <a:gd name="T121" fmla="*/ 881 h 1051"/>
                <a:gd name="T122" fmla="*/ 4236 w 9547"/>
                <a:gd name="T123" fmla="*/ 881 h 1051"/>
                <a:gd name="T124" fmla="*/ 4575 w 9547"/>
                <a:gd name="T125" fmla="*/ 974 h 10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  <a:cxn ang="0">
                  <a:pos x="T124" y="T125"/>
                </a:cxn>
              </a:cxnLst>
              <a:rect l="0" t="0" r="r" b="b"/>
              <a:pathLst>
                <a:path w="9547" h="1051">
                  <a:moveTo>
                    <a:pt x="8635" y="0"/>
                  </a:moveTo>
                  <a:cubicBezTo>
                    <a:pt x="8708" y="0"/>
                    <a:pt x="8708" y="0"/>
                    <a:pt x="8708" y="0"/>
                  </a:cubicBezTo>
                  <a:cubicBezTo>
                    <a:pt x="8708" y="69"/>
                    <a:pt x="8708" y="69"/>
                    <a:pt x="8708" y="69"/>
                  </a:cubicBezTo>
                  <a:cubicBezTo>
                    <a:pt x="8635" y="69"/>
                    <a:pt x="8635" y="69"/>
                    <a:pt x="8635" y="69"/>
                  </a:cubicBezTo>
                  <a:lnTo>
                    <a:pt x="8635" y="0"/>
                  </a:lnTo>
                  <a:close/>
                  <a:moveTo>
                    <a:pt x="8635" y="410"/>
                  </a:moveTo>
                  <a:cubicBezTo>
                    <a:pt x="8708" y="410"/>
                    <a:pt x="8708" y="410"/>
                    <a:pt x="8708" y="410"/>
                  </a:cubicBezTo>
                  <a:cubicBezTo>
                    <a:pt x="8708" y="112"/>
                    <a:pt x="8708" y="112"/>
                    <a:pt x="8708" y="112"/>
                  </a:cubicBezTo>
                  <a:cubicBezTo>
                    <a:pt x="8635" y="112"/>
                    <a:pt x="8635" y="112"/>
                    <a:pt x="8635" y="112"/>
                  </a:cubicBezTo>
                  <a:lnTo>
                    <a:pt x="8635" y="410"/>
                  </a:lnTo>
                  <a:close/>
                  <a:moveTo>
                    <a:pt x="2099" y="418"/>
                  </a:moveTo>
                  <a:cubicBezTo>
                    <a:pt x="2058" y="418"/>
                    <a:pt x="2024" y="404"/>
                    <a:pt x="1997" y="376"/>
                  </a:cubicBezTo>
                  <a:cubicBezTo>
                    <a:pt x="1971" y="347"/>
                    <a:pt x="1958" y="309"/>
                    <a:pt x="1958" y="261"/>
                  </a:cubicBezTo>
                  <a:cubicBezTo>
                    <a:pt x="1958" y="213"/>
                    <a:pt x="1971" y="176"/>
                    <a:pt x="1997" y="147"/>
                  </a:cubicBezTo>
                  <a:cubicBezTo>
                    <a:pt x="2023" y="118"/>
                    <a:pt x="2056" y="104"/>
                    <a:pt x="2096" y="104"/>
                  </a:cubicBezTo>
                  <a:cubicBezTo>
                    <a:pt x="2136" y="104"/>
                    <a:pt x="2168" y="118"/>
                    <a:pt x="2194" y="147"/>
                  </a:cubicBezTo>
                  <a:cubicBezTo>
                    <a:pt x="2220" y="176"/>
                    <a:pt x="2232" y="213"/>
                    <a:pt x="2232" y="261"/>
                  </a:cubicBezTo>
                  <a:cubicBezTo>
                    <a:pt x="2232" y="283"/>
                    <a:pt x="2232" y="283"/>
                    <a:pt x="2232" y="283"/>
                  </a:cubicBezTo>
                  <a:cubicBezTo>
                    <a:pt x="2032" y="283"/>
                    <a:pt x="2032" y="283"/>
                    <a:pt x="2032" y="283"/>
                  </a:cubicBezTo>
                  <a:cubicBezTo>
                    <a:pt x="2035" y="328"/>
                    <a:pt x="2058" y="354"/>
                    <a:pt x="2098" y="354"/>
                  </a:cubicBezTo>
                  <a:cubicBezTo>
                    <a:pt x="2132" y="354"/>
                    <a:pt x="2151" y="336"/>
                    <a:pt x="2171" y="307"/>
                  </a:cubicBezTo>
                  <a:cubicBezTo>
                    <a:pt x="2222" y="352"/>
                    <a:pt x="2222" y="352"/>
                    <a:pt x="2222" y="352"/>
                  </a:cubicBezTo>
                  <a:cubicBezTo>
                    <a:pt x="2192" y="396"/>
                    <a:pt x="2151" y="418"/>
                    <a:pt x="2099" y="418"/>
                  </a:cubicBezTo>
                  <a:close/>
                  <a:moveTo>
                    <a:pt x="2032" y="228"/>
                  </a:moveTo>
                  <a:cubicBezTo>
                    <a:pt x="2162" y="228"/>
                    <a:pt x="2162" y="228"/>
                    <a:pt x="2162" y="228"/>
                  </a:cubicBezTo>
                  <a:cubicBezTo>
                    <a:pt x="2158" y="190"/>
                    <a:pt x="2135" y="168"/>
                    <a:pt x="2096" y="168"/>
                  </a:cubicBezTo>
                  <a:cubicBezTo>
                    <a:pt x="2060" y="168"/>
                    <a:pt x="2035" y="194"/>
                    <a:pt x="2032" y="228"/>
                  </a:cubicBezTo>
                  <a:close/>
                  <a:moveTo>
                    <a:pt x="7367" y="410"/>
                  </a:moveTo>
                  <a:cubicBezTo>
                    <a:pt x="7443" y="410"/>
                    <a:pt x="7443" y="410"/>
                    <a:pt x="7443" y="410"/>
                  </a:cubicBezTo>
                  <a:cubicBezTo>
                    <a:pt x="7443" y="0"/>
                    <a:pt x="7443" y="0"/>
                    <a:pt x="7443" y="0"/>
                  </a:cubicBezTo>
                  <a:cubicBezTo>
                    <a:pt x="7367" y="0"/>
                    <a:pt x="7367" y="0"/>
                    <a:pt x="7367" y="0"/>
                  </a:cubicBezTo>
                  <a:lnTo>
                    <a:pt x="7367" y="410"/>
                  </a:lnTo>
                  <a:close/>
                  <a:moveTo>
                    <a:pt x="8937" y="104"/>
                  </a:moveTo>
                  <a:cubicBezTo>
                    <a:pt x="8905" y="104"/>
                    <a:pt x="8874" y="120"/>
                    <a:pt x="8858" y="141"/>
                  </a:cubicBezTo>
                  <a:cubicBezTo>
                    <a:pt x="8857" y="141"/>
                    <a:pt x="8857" y="141"/>
                    <a:pt x="8857" y="141"/>
                  </a:cubicBezTo>
                  <a:cubicBezTo>
                    <a:pt x="8857" y="112"/>
                    <a:pt x="8857" y="112"/>
                    <a:pt x="8857" y="112"/>
                  </a:cubicBezTo>
                  <a:cubicBezTo>
                    <a:pt x="8787" y="112"/>
                    <a:pt x="8787" y="112"/>
                    <a:pt x="8787" y="112"/>
                  </a:cubicBezTo>
                  <a:cubicBezTo>
                    <a:pt x="8787" y="410"/>
                    <a:pt x="8787" y="410"/>
                    <a:pt x="8787" y="410"/>
                  </a:cubicBezTo>
                  <a:cubicBezTo>
                    <a:pt x="8860" y="410"/>
                    <a:pt x="8860" y="410"/>
                    <a:pt x="8860" y="410"/>
                  </a:cubicBezTo>
                  <a:cubicBezTo>
                    <a:pt x="8860" y="228"/>
                    <a:pt x="8860" y="228"/>
                    <a:pt x="8860" y="228"/>
                  </a:cubicBezTo>
                  <a:cubicBezTo>
                    <a:pt x="8860" y="194"/>
                    <a:pt x="8881" y="171"/>
                    <a:pt x="8917" y="171"/>
                  </a:cubicBezTo>
                  <a:cubicBezTo>
                    <a:pt x="8955" y="171"/>
                    <a:pt x="8969" y="192"/>
                    <a:pt x="8969" y="233"/>
                  </a:cubicBezTo>
                  <a:cubicBezTo>
                    <a:pt x="8969" y="410"/>
                    <a:pt x="8969" y="410"/>
                    <a:pt x="8969" y="410"/>
                  </a:cubicBezTo>
                  <a:cubicBezTo>
                    <a:pt x="9042" y="410"/>
                    <a:pt x="9042" y="410"/>
                    <a:pt x="9042" y="410"/>
                  </a:cubicBezTo>
                  <a:cubicBezTo>
                    <a:pt x="9042" y="215"/>
                    <a:pt x="9042" y="215"/>
                    <a:pt x="9042" y="215"/>
                  </a:cubicBezTo>
                  <a:cubicBezTo>
                    <a:pt x="9042" y="145"/>
                    <a:pt x="9002" y="104"/>
                    <a:pt x="8937" y="104"/>
                  </a:cubicBezTo>
                  <a:close/>
                  <a:moveTo>
                    <a:pt x="1674" y="147"/>
                  </a:moveTo>
                  <a:cubicBezTo>
                    <a:pt x="1700" y="176"/>
                    <a:pt x="1713" y="213"/>
                    <a:pt x="1713" y="261"/>
                  </a:cubicBezTo>
                  <a:cubicBezTo>
                    <a:pt x="1713" y="283"/>
                    <a:pt x="1713" y="283"/>
                    <a:pt x="1713" y="283"/>
                  </a:cubicBezTo>
                  <a:cubicBezTo>
                    <a:pt x="1513" y="283"/>
                    <a:pt x="1513" y="283"/>
                    <a:pt x="1513" y="283"/>
                  </a:cubicBezTo>
                  <a:cubicBezTo>
                    <a:pt x="1515" y="328"/>
                    <a:pt x="1538" y="354"/>
                    <a:pt x="1578" y="354"/>
                  </a:cubicBezTo>
                  <a:cubicBezTo>
                    <a:pt x="1612" y="354"/>
                    <a:pt x="1632" y="336"/>
                    <a:pt x="1651" y="307"/>
                  </a:cubicBezTo>
                  <a:cubicBezTo>
                    <a:pt x="1703" y="352"/>
                    <a:pt x="1703" y="352"/>
                    <a:pt x="1703" y="352"/>
                  </a:cubicBezTo>
                  <a:cubicBezTo>
                    <a:pt x="1672" y="396"/>
                    <a:pt x="1631" y="418"/>
                    <a:pt x="1579" y="418"/>
                  </a:cubicBezTo>
                  <a:cubicBezTo>
                    <a:pt x="1538" y="418"/>
                    <a:pt x="1504" y="404"/>
                    <a:pt x="1478" y="376"/>
                  </a:cubicBezTo>
                  <a:cubicBezTo>
                    <a:pt x="1451" y="347"/>
                    <a:pt x="1438" y="309"/>
                    <a:pt x="1438" y="261"/>
                  </a:cubicBezTo>
                  <a:cubicBezTo>
                    <a:pt x="1438" y="213"/>
                    <a:pt x="1451" y="176"/>
                    <a:pt x="1477" y="147"/>
                  </a:cubicBezTo>
                  <a:cubicBezTo>
                    <a:pt x="1504" y="118"/>
                    <a:pt x="1536" y="104"/>
                    <a:pt x="1576" y="104"/>
                  </a:cubicBezTo>
                  <a:cubicBezTo>
                    <a:pt x="1616" y="104"/>
                    <a:pt x="1649" y="118"/>
                    <a:pt x="1674" y="147"/>
                  </a:cubicBezTo>
                  <a:close/>
                  <a:moveTo>
                    <a:pt x="1642" y="228"/>
                  </a:moveTo>
                  <a:cubicBezTo>
                    <a:pt x="1638" y="190"/>
                    <a:pt x="1615" y="168"/>
                    <a:pt x="1576" y="168"/>
                  </a:cubicBezTo>
                  <a:cubicBezTo>
                    <a:pt x="1540" y="168"/>
                    <a:pt x="1515" y="194"/>
                    <a:pt x="1513" y="228"/>
                  </a:cubicBezTo>
                  <a:lnTo>
                    <a:pt x="1642" y="228"/>
                  </a:lnTo>
                  <a:close/>
                  <a:moveTo>
                    <a:pt x="1842" y="144"/>
                  </a:moveTo>
                  <a:cubicBezTo>
                    <a:pt x="1841" y="144"/>
                    <a:pt x="1841" y="144"/>
                    <a:pt x="1841" y="144"/>
                  </a:cubicBezTo>
                  <a:cubicBezTo>
                    <a:pt x="1841" y="112"/>
                    <a:pt x="1841" y="112"/>
                    <a:pt x="1841" y="112"/>
                  </a:cubicBezTo>
                  <a:cubicBezTo>
                    <a:pt x="1772" y="112"/>
                    <a:pt x="1772" y="112"/>
                    <a:pt x="1772" y="112"/>
                  </a:cubicBezTo>
                  <a:cubicBezTo>
                    <a:pt x="1772" y="410"/>
                    <a:pt x="1772" y="410"/>
                    <a:pt x="1772" y="410"/>
                  </a:cubicBezTo>
                  <a:cubicBezTo>
                    <a:pt x="1845" y="410"/>
                    <a:pt x="1845" y="410"/>
                    <a:pt x="1845" y="410"/>
                  </a:cubicBezTo>
                  <a:cubicBezTo>
                    <a:pt x="1845" y="246"/>
                    <a:pt x="1845" y="246"/>
                    <a:pt x="1845" y="246"/>
                  </a:cubicBezTo>
                  <a:cubicBezTo>
                    <a:pt x="1845" y="201"/>
                    <a:pt x="1861" y="178"/>
                    <a:pt x="1896" y="178"/>
                  </a:cubicBezTo>
                  <a:cubicBezTo>
                    <a:pt x="1903" y="178"/>
                    <a:pt x="1910" y="180"/>
                    <a:pt x="1919" y="183"/>
                  </a:cubicBezTo>
                  <a:cubicBezTo>
                    <a:pt x="1930" y="112"/>
                    <a:pt x="1930" y="112"/>
                    <a:pt x="1930" y="112"/>
                  </a:cubicBezTo>
                  <a:cubicBezTo>
                    <a:pt x="1922" y="108"/>
                    <a:pt x="1913" y="106"/>
                    <a:pt x="1903" y="106"/>
                  </a:cubicBezTo>
                  <a:cubicBezTo>
                    <a:pt x="1877" y="106"/>
                    <a:pt x="1853" y="121"/>
                    <a:pt x="1842" y="144"/>
                  </a:cubicBezTo>
                  <a:close/>
                  <a:moveTo>
                    <a:pt x="8586" y="112"/>
                  </a:moveTo>
                  <a:cubicBezTo>
                    <a:pt x="8494" y="112"/>
                    <a:pt x="8494" y="112"/>
                    <a:pt x="8494" y="112"/>
                  </a:cubicBezTo>
                  <a:cubicBezTo>
                    <a:pt x="8386" y="235"/>
                    <a:pt x="8386" y="235"/>
                    <a:pt x="8386" y="235"/>
                  </a:cubicBezTo>
                  <a:cubicBezTo>
                    <a:pt x="8385" y="235"/>
                    <a:pt x="8385" y="235"/>
                    <a:pt x="8385" y="235"/>
                  </a:cubicBezTo>
                  <a:cubicBezTo>
                    <a:pt x="8385" y="0"/>
                    <a:pt x="8385" y="0"/>
                    <a:pt x="8385" y="0"/>
                  </a:cubicBezTo>
                  <a:cubicBezTo>
                    <a:pt x="8312" y="0"/>
                    <a:pt x="8312" y="0"/>
                    <a:pt x="8312" y="0"/>
                  </a:cubicBezTo>
                  <a:cubicBezTo>
                    <a:pt x="8312" y="410"/>
                    <a:pt x="8312" y="410"/>
                    <a:pt x="8312" y="410"/>
                  </a:cubicBezTo>
                  <a:cubicBezTo>
                    <a:pt x="8385" y="410"/>
                    <a:pt x="8385" y="410"/>
                    <a:pt x="8385" y="410"/>
                  </a:cubicBezTo>
                  <a:cubicBezTo>
                    <a:pt x="8385" y="317"/>
                    <a:pt x="8385" y="317"/>
                    <a:pt x="8385" y="317"/>
                  </a:cubicBezTo>
                  <a:cubicBezTo>
                    <a:pt x="8422" y="274"/>
                    <a:pt x="8422" y="274"/>
                    <a:pt x="8422" y="274"/>
                  </a:cubicBezTo>
                  <a:cubicBezTo>
                    <a:pt x="8424" y="274"/>
                    <a:pt x="8424" y="274"/>
                    <a:pt x="8424" y="274"/>
                  </a:cubicBezTo>
                  <a:cubicBezTo>
                    <a:pt x="8515" y="410"/>
                    <a:pt x="8515" y="410"/>
                    <a:pt x="8515" y="410"/>
                  </a:cubicBezTo>
                  <a:cubicBezTo>
                    <a:pt x="8596" y="410"/>
                    <a:pt x="8596" y="410"/>
                    <a:pt x="8596" y="410"/>
                  </a:cubicBezTo>
                  <a:cubicBezTo>
                    <a:pt x="8479" y="233"/>
                    <a:pt x="8479" y="233"/>
                    <a:pt x="8479" y="233"/>
                  </a:cubicBezTo>
                  <a:lnTo>
                    <a:pt x="8586" y="112"/>
                  </a:lnTo>
                  <a:close/>
                  <a:moveTo>
                    <a:pt x="3909" y="104"/>
                  </a:moveTo>
                  <a:cubicBezTo>
                    <a:pt x="3880" y="104"/>
                    <a:pt x="3848" y="121"/>
                    <a:pt x="3836" y="141"/>
                  </a:cubicBezTo>
                  <a:cubicBezTo>
                    <a:pt x="3835" y="141"/>
                    <a:pt x="3835" y="141"/>
                    <a:pt x="3835" y="141"/>
                  </a:cubicBezTo>
                  <a:cubicBezTo>
                    <a:pt x="3835" y="0"/>
                    <a:pt x="3835" y="0"/>
                    <a:pt x="3835" y="0"/>
                  </a:cubicBezTo>
                  <a:cubicBezTo>
                    <a:pt x="3762" y="0"/>
                    <a:pt x="3762" y="0"/>
                    <a:pt x="3762" y="0"/>
                  </a:cubicBezTo>
                  <a:cubicBezTo>
                    <a:pt x="3762" y="410"/>
                    <a:pt x="3762" y="410"/>
                    <a:pt x="3762" y="410"/>
                  </a:cubicBezTo>
                  <a:cubicBezTo>
                    <a:pt x="3835" y="410"/>
                    <a:pt x="3835" y="410"/>
                    <a:pt x="3835" y="410"/>
                  </a:cubicBezTo>
                  <a:cubicBezTo>
                    <a:pt x="3835" y="223"/>
                    <a:pt x="3835" y="223"/>
                    <a:pt x="3835" y="223"/>
                  </a:cubicBezTo>
                  <a:cubicBezTo>
                    <a:pt x="3835" y="192"/>
                    <a:pt x="3853" y="171"/>
                    <a:pt x="3887" y="171"/>
                  </a:cubicBezTo>
                  <a:cubicBezTo>
                    <a:pt x="3922" y="171"/>
                    <a:pt x="3940" y="195"/>
                    <a:pt x="3940" y="228"/>
                  </a:cubicBezTo>
                  <a:cubicBezTo>
                    <a:pt x="3940" y="410"/>
                    <a:pt x="3940" y="410"/>
                    <a:pt x="3940" y="410"/>
                  </a:cubicBezTo>
                  <a:cubicBezTo>
                    <a:pt x="4013" y="410"/>
                    <a:pt x="4013" y="410"/>
                    <a:pt x="4013" y="410"/>
                  </a:cubicBezTo>
                  <a:cubicBezTo>
                    <a:pt x="4013" y="212"/>
                    <a:pt x="4013" y="212"/>
                    <a:pt x="4013" y="212"/>
                  </a:cubicBezTo>
                  <a:cubicBezTo>
                    <a:pt x="4013" y="146"/>
                    <a:pt x="3972" y="104"/>
                    <a:pt x="3909" y="104"/>
                  </a:cubicBezTo>
                  <a:close/>
                  <a:moveTo>
                    <a:pt x="2992" y="410"/>
                  </a:moveTo>
                  <a:cubicBezTo>
                    <a:pt x="2992" y="215"/>
                    <a:pt x="2992" y="215"/>
                    <a:pt x="2992" y="215"/>
                  </a:cubicBezTo>
                  <a:cubicBezTo>
                    <a:pt x="2992" y="145"/>
                    <a:pt x="2952" y="104"/>
                    <a:pt x="2886" y="104"/>
                  </a:cubicBezTo>
                  <a:cubicBezTo>
                    <a:pt x="2855" y="104"/>
                    <a:pt x="2824" y="120"/>
                    <a:pt x="2807" y="141"/>
                  </a:cubicBezTo>
                  <a:cubicBezTo>
                    <a:pt x="2806" y="141"/>
                    <a:pt x="2806" y="141"/>
                    <a:pt x="2806" y="141"/>
                  </a:cubicBezTo>
                  <a:cubicBezTo>
                    <a:pt x="2806" y="112"/>
                    <a:pt x="2806" y="112"/>
                    <a:pt x="2806" y="112"/>
                  </a:cubicBezTo>
                  <a:cubicBezTo>
                    <a:pt x="2736" y="112"/>
                    <a:pt x="2736" y="112"/>
                    <a:pt x="2736" y="112"/>
                  </a:cubicBezTo>
                  <a:cubicBezTo>
                    <a:pt x="2736" y="410"/>
                    <a:pt x="2736" y="410"/>
                    <a:pt x="2736" y="410"/>
                  </a:cubicBezTo>
                  <a:cubicBezTo>
                    <a:pt x="2809" y="410"/>
                    <a:pt x="2809" y="410"/>
                    <a:pt x="2809" y="410"/>
                  </a:cubicBezTo>
                  <a:cubicBezTo>
                    <a:pt x="2809" y="228"/>
                    <a:pt x="2809" y="228"/>
                    <a:pt x="2809" y="228"/>
                  </a:cubicBezTo>
                  <a:cubicBezTo>
                    <a:pt x="2809" y="194"/>
                    <a:pt x="2830" y="171"/>
                    <a:pt x="2866" y="171"/>
                  </a:cubicBezTo>
                  <a:cubicBezTo>
                    <a:pt x="2905" y="171"/>
                    <a:pt x="2919" y="192"/>
                    <a:pt x="2919" y="233"/>
                  </a:cubicBezTo>
                  <a:cubicBezTo>
                    <a:pt x="2919" y="410"/>
                    <a:pt x="2919" y="410"/>
                    <a:pt x="2919" y="410"/>
                  </a:cubicBezTo>
                  <a:lnTo>
                    <a:pt x="2992" y="410"/>
                  </a:lnTo>
                  <a:close/>
                  <a:moveTo>
                    <a:pt x="2520" y="418"/>
                  </a:moveTo>
                  <a:cubicBezTo>
                    <a:pt x="2448" y="418"/>
                    <a:pt x="2412" y="380"/>
                    <a:pt x="2412" y="330"/>
                  </a:cubicBezTo>
                  <a:cubicBezTo>
                    <a:pt x="2412" y="278"/>
                    <a:pt x="2440" y="255"/>
                    <a:pt x="2513" y="237"/>
                  </a:cubicBezTo>
                  <a:cubicBezTo>
                    <a:pt x="2548" y="229"/>
                    <a:pt x="2569" y="223"/>
                    <a:pt x="2577" y="218"/>
                  </a:cubicBezTo>
                  <a:cubicBezTo>
                    <a:pt x="2586" y="213"/>
                    <a:pt x="2590" y="206"/>
                    <a:pt x="2590" y="197"/>
                  </a:cubicBezTo>
                  <a:cubicBezTo>
                    <a:pt x="2590" y="179"/>
                    <a:pt x="2574" y="165"/>
                    <a:pt x="2540" y="165"/>
                  </a:cubicBezTo>
                  <a:cubicBezTo>
                    <a:pt x="2500" y="165"/>
                    <a:pt x="2486" y="185"/>
                    <a:pt x="2477" y="214"/>
                  </a:cubicBezTo>
                  <a:cubicBezTo>
                    <a:pt x="2416" y="189"/>
                    <a:pt x="2416" y="189"/>
                    <a:pt x="2416" y="189"/>
                  </a:cubicBezTo>
                  <a:cubicBezTo>
                    <a:pt x="2430" y="139"/>
                    <a:pt x="2472" y="104"/>
                    <a:pt x="2539" y="104"/>
                  </a:cubicBezTo>
                  <a:cubicBezTo>
                    <a:pt x="2575" y="104"/>
                    <a:pt x="2605" y="113"/>
                    <a:pt x="2628" y="132"/>
                  </a:cubicBezTo>
                  <a:cubicBezTo>
                    <a:pt x="2651" y="151"/>
                    <a:pt x="2663" y="181"/>
                    <a:pt x="2663" y="221"/>
                  </a:cubicBezTo>
                  <a:cubicBezTo>
                    <a:pt x="2663" y="410"/>
                    <a:pt x="2663" y="410"/>
                    <a:pt x="2663" y="410"/>
                  </a:cubicBezTo>
                  <a:cubicBezTo>
                    <a:pt x="2602" y="410"/>
                    <a:pt x="2602" y="410"/>
                    <a:pt x="2602" y="410"/>
                  </a:cubicBezTo>
                  <a:cubicBezTo>
                    <a:pt x="2602" y="381"/>
                    <a:pt x="2602" y="381"/>
                    <a:pt x="2602" y="381"/>
                  </a:cubicBezTo>
                  <a:cubicBezTo>
                    <a:pt x="2601" y="381"/>
                    <a:pt x="2601" y="381"/>
                    <a:pt x="2601" y="381"/>
                  </a:cubicBezTo>
                  <a:cubicBezTo>
                    <a:pt x="2601" y="382"/>
                    <a:pt x="2580" y="418"/>
                    <a:pt x="2520" y="418"/>
                  </a:cubicBezTo>
                  <a:close/>
                  <a:moveTo>
                    <a:pt x="2593" y="312"/>
                  </a:moveTo>
                  <a:cubicBezTo>
                    <a:pt x="2593" y="260"/>
                    <a:pt x="2593" y="260"/>
                    <a:pt x="2593" y="260"/>
                  </a:cubicBezTo>
                  <a:cubicBezTo>
                    <a:pt x="2592" y="260"/>
                    <a:pt x="2592" y="260"/>
                    <a:pt x="2592" y="260"/>
                  </a:cubicBezTo>
                  <a:cubicBezTo>
                    <a:pt x="2586" y="267"/>
                    <a:pt x="2586" y="267"/>
                    <a:pt x="2586" y="267"/>
                  </a:cubicBezTo>
                  <a:cubicBezTo>
                    <a:pt x="2584" y="270"/>
                    <a:pt x="2564" y="279"/>
                    <a:pt x="2528" y="288"/>
                  </a:cubicBezTo>
                  <a:cubicBezTo>
                    <a:pt x="2490" y="297"/>
                    <a:pt x="2482" y="309"/>
                    <a:pt x="2482" y="325"/>
                  </a:cubicBezTo>
                  <a:cubicBezTo>
                    <a:pt x="2482" y="345"/>
                    <a:pt x="2497" y="355"/>
                    <a:pt x="2526" y="355"/>
                  </a:cubicBezTo>
                  <a:cubicBezTo>
                    <a:pt x="2571" y="355"/>
                    <a:pt x="2593" y="336"/>
                    <a:pt x="2593" y="312"/>
                  </a:cubicBezTo>
                  <a:close/>
                  <a:moveTo>
                    <a:pt x="7816" y="104"/>
                  </a:moveTo>
                  <a:cubicBezTo>
                    <a:pt x="7783" y="104"/>
                    <a:pt x="7754" y="120"/>
                    <a:pt x="7739" y="143"/>
                  </a:cubicBezTo>
                  <a:cubicBezTo>
                    <a:pt x="7737" y="143"/>
                    <a:pt x="7737" y="143"/>
                    <a:pt x="7737" y="143"/>
                  </a:cubicBezTo>
                  <a:cubicBezTo>
                    <a:pt x="7723" y="120"/>
                    <a:pt x="7693" y="104"/>
                    <a:pt x="7662" y="104"/>
                  </a:cubicBezTo>
                  <a:cubicBezTo>
                    <a:pt x="7631" y="104"/>
                    <a:pt x="7603" y="120"/>
                    <a:pt x="7590" y="141"/>
                  </a:cubicBezTo>
                  <a:cubicBezTo>
                    <a:pt x="7588" y="141"/>
                    <a:pt x="7588" y="141"/>
                    <a:pt x="7588" y="141"/>
                  </a:cubicBezTo>
                  <a:cubicBezTo>
                    <a:pt x="7588" y="112"/>
                    <a:pt x="7588" y="112"/>
                    <a:pt x="7588" y="112"/>
                  </a:cubicBezTo>
                  <a:cubicBezTo>
                    <a:pt x="7522" y="112"/>
                    <a:pt x="7522" y="112"/>
                    <a:pt x="7522" y="112"/>
                  </a:cubicBezTo>
                  <a:cubicBezTo>
                    <a:pt x="7522" y="410"/>
                    <a:pt x="7522" y="410"/>
                    <a:pt x="7522" y="410"/>
                  </a:cubicBezTo>
                  <a:cubicBezTo>
                    <a:pt x="7592" y="410"/>
                    <a:pt x="7592" y="410"/>
                    <a:pt x="7592" y="410"/>
                  </a:cubicBezTo>
                  <a:cubicBezTo>
                    <a:pt x="7592" y="217"/>
                    <a:pt x="7592" y="217"/>
                    <a:pt x="7592" y="217"/>
                  </a:cubicBezTo>
                  <a:cubicBezTo>
                    <a:pt x="7592" y="190"/>
                    <a:pt x="7610" y="171"/>
                    <a:pt x="7644" y="171"/>
                  </a:cubicBezTo>
                  <a:cubicBezTo>
                    <a:pt x="7677" y="171"/>
                    <a:pt x="7695" y="192"/>
                    <a:pt x="7695" y="221"/>
                  </a:cubicBezTo>
                  <a:cubicBezTo>
                    <a:pt x="7695" y="410"/>
                    <a:pt x="7695" y="410"/>
                    <a:pt x="7695" y="410"/>
                  </a:cubicBezTo>
                  <a:cubicBezTo>
                    <a:pt x="7762" y="410"/>
                    <a:pt x="7762" y="410"/>
                    <a:pt x="7762" y="410"/>
                  </a:cubicBezTo>
                  <a:cubicBezTo>
                    <a:pt x="7762" y="217"/>
                    <a:pt x="7762" y="217"/>
                    <a:pt x="7762" y="217"/>
                  </a:cubicBezTo>
                  <a:cubicBezTo>
                    <a:pt x="7762" y="190"/>
                    <a:pt x="7780" y="171"/>
                    <a:pt x="7813" y="171"/>
                  </a:cubicBezTo>
                  <a:cubicBezTo>
                    <a:pt x="7849" y="171"/>
                    <a:pt x="7865" y="192"/>
                    <a:pt x="7865" y="221"/>
                  </a:cubicBezTo>
                  <a:cubicBezTo>
                    <a:pt x="7865" y="410"/>
                    <a:pt x="7865" y="410"/>
                    <a:pt x="7865" y="410"/>
                  </a:cubicBezTo>
                  <a:cubicBezTo>
                    <a:pt x="7932" y="410"/>
                    <a:pt x="7932" y="410"/>
                    <a:pt x="7932" y="410"/>
                  </a:cubicBezTo>
                  <a:cubicBezTo>
                    <a:pt x="7932" y="206"/>
                    <a:pt x="7932" y="206"/>
                    <a:pt x="7932" y="206"/>
                  </a:cubicBezTo>
                  <a:cubicBezTo>
                    <a:pt x="7932" y="145"/>
                    <a:pt x="7888" y="104"/>
                    <a:pt x="7816" y="104"/>
                  </a:cubicBezTo>
                  <a:close/>
                  <a:moveTo>
                    <a:pt x="7233" y="410"/>
                  </a:moveTo>
                  <a:cubicBezTo>
                    <a:pt x="7233" y="381"/>
                    <a:pt x="7233" y="381"/>
                    <a:pt x="7233" y="381"/>
                  </a:cubicBezTo>
                  <a:cubicBezTo>
                    <a:pt x="7232" y="381"/>
                    <a:pt x="7232" y="381"/>
                    <a:pt x="7232" y="381"/>
                  </a:cubicBezTo>
                  <a:cubicBezTo>
                    <a:pt x="7232" y="382"/>
                    <a:pt x="7211" y="418"/>
                    <a:pt x="7151" y="418"/>
                  </a:cubicBezTo>
                  <a:cubicBezTo>
                    <a:pt x="7079" y="418"/>
                    <a:pt x="7043" y="380"/>
                    <a:pt x="7043" y="330"/>
                  </a:cubicBezTo>
                  <a:cubicBezTo>
                    <a:pt x="7043" y="278"/>
                    <a:pt x="7071" y="255"/>
                    <a:pt x="7145" y="237"/>
                  </a:cubicBezTo>
                  <a:cubicBezTo>
                    <a:pt x="7179" y="229"/>
                    <a:pt x="7200" y="223"/>
                    <a:pt x="7209" y="218"/>
                  </a:cubicBezTo>
                  <a:cubicBezTo>
                    <a:pt x="7217" y="213"/>
                    <a:pt x="7222" y="206"/>
                    <a:pt x="7222" y="197"/>
                  </a:cubicBezTo>
                  <a:cubicBezTo>
                    <a:pt x="7222" y="179"/>
                    <a:pt x="7205" y="165"/>
                    <a:pt x="7171" y="165"/>
                  </a:cubicBezTo>
                  <a:cubicBezTo>
                    <a:pt x="7131" y="165"/>
                    <a:pt x="7118" y="185"/>
                    <a:pt x="7108" y="214"/>
                  </a:cubicBezTo>
                  <a:cubicBezTo>
                    <a:pt x="7047" y="189"/>
                    <a:pt x="7047" y="189"/>
                    <a:pt x="7047" y="189"/>
                  </a:cubicBezTo>
                  <a:cubicBezTo>
                    <a:pt x="7061" y="139"/>
                    <a:pt x="7103" y="104"/>
                    <a:pt x="7170" y="104"/>
                  </a:cubicBezTo>
                  <a:cubicBezTo>
                    <a:pt x="7206" y="104"/>
                    <a:pt x="7236" y="113"/>
                    <a:pt x="7259" y="132"/>
                  </a:cubicBezTo>
                  <a:cubicBezTo>
                    <a:pt x="7282" y="151"/>
                    <a:pt x="7294" y="181"/>
                    <a:pt x="7294" y="221"/>
                  </a:cubicBezTo>
                  <a:cubicBezTo>
                    <a:pt x="7294" y="410"/>
                    <a:pt x="7294" y="410"/>
                    <a:pt x="7294" y="410"/>
                  </a:cubicBezTo>
                  <a:lnTo>
                    <a:pt x="7233" y="410"/>
                  </a:lnTo>
                  <a:close/>
                  <a:moveTo>
                    <a:pt x="7224" y="260"/>
                  </a:moveTo>
                  <a:cubicBezTo>
                    <a:pt x="7223" y="260"/>
                    <a:pt x="7223" y="260"/>
                    <a:pt x="7223" y="260"/>
                  </a:cubicBezTo>
                  <a:cubicBezTo>
                    <a:pt x="7218" y="267"/>
                    <a:pt x="7218" y="267"/>
                    <a:pt x="7218" y="267"/>
                  </a:cubicBezTo>
                  <a:cubicBezTo>
                    <a:pt x="7215" y="270"/>
                    <a:pt x="7195" y="279"/>
                    <a:pt x="7159" y="288"/>
                  </a:cubicBezTo>
                  <a:cubicBezTo>
                    <a:pt x="7121" y="297"/>
                    <a:pt x="7114" y="309"/>
                    <a:pt x="7114" y="325"/>
                  </a:cubicBezTo>
                  <a:cubicBezTo>
                    <a:pt x="7114" y="345"/>
                    <a:pt x="7128" y="355"/>
                    <a:pt x="7157" y="355"/>
                  </a:cubicBezTo>
                  <a:cubicBezTo>
                    <a:pt x="7202" y="355"/>
                    <a:pt x="7224" y="336"/>
                    <a:pt x="7224" y="312"/>
                  </a:cubicBezTo>
                  <a:lnTo>
                    <a:pt x="7224" y="260"/>
                  </a:lnTo>
                  <a:close/>
                  <a:moveTo>
                    <a:pt x="8204" y="132"/>
                  </a:moveTo>
                  <a:cubicBezTo>
                    <a:pt x="8227" y="151"/>
                    <a:pt x="8239" y="181"/>
                    <a:pt x="8239" y="221"/>
                  </a:cubicBezTo>
                  <a:cubicBezTo>
                    <a:pt x="8239" y="410"/>
                    <a:pt x="8239" y="410"/>
                    <a:pt x="8239" y="410"/>
                  </a:cubicBezTo>
                  <a:cubicBezTo>
                    <a:pt x="8177" y="410"/>
                    <a:pt x="8177" y="410"/>
                    <a:pt x="8177" y="410"/>
                  </a:cubicBezTo>
                  <a:cubicBezTo>
                    <a:pt x="8177" y="381"/>
                    <a:pt x="8177" y="381"/>
                    <a:pt x="8177" y="381"/>
                  </a:cubicBezTo>
                  <a:cubicBezTo>
                    <a:pt x="8176" y="381"/>
                    <a:pt x="8176" y="381"/>
                    <a:pt x="8176" y="381"/>
                  </a:cubicBezTo>
                  <a:cubicBezTo>
                    <a:pt x="8176" y="382"/>
                    <a:pt x="8156" y="418"/>
                    <a:pt x="8095" y="418"/>
                  </a:cubicBezTo>
                  <a:cubicBezTo>
                    <a:pt x="8023" y="418"/>
                    <a:pt x="7988" y="380"/>
                    <a:pt x="7988" y="330"/>
                  </a:cubicBezTo>
                  <a:cubicBezTo>
                    <a:pt x="7988" y="278"/>
                    <a:pt x="8016" y="255"/>
                    <a:pt x="8089" y="237"/>
                  </a:cubicBezTo>
                  <a:cubicBezTo>
                    <a:pt x="8123" y="229"/>
                    <a:pt x="8145" y="223"/>
                    <a:pt x="8153" y="218"/>
                  </a:cubicBezTo>
                  <a:cubicBezTo>
                    <a:pt x="8162" y="213"/>
                    <a:pt x="8166" y="206"/>
                    <a:pt x="8166" y="197"/>
                  </a:cubicBezTo>
                  <a:cubicBezTo>
                    <a:pt x="8166" y="179"/>
                    <a:pt x="8149" y="165"/>
                    <a:pt x="8116" y="165"/>
                  </a:cubicBezTo>
                  <a:cubicBezTo>
                    <a:pt x="8076" y="165"/>
                    <a:pt x="8062" y="185"/>
                    <a:pt x="8053" y="214"/>
                  </a:cubicBezTo>
                  <a:cubicBezTo>
                    <a:pt x="7992" y="189"/>
                    <a:pt x="7992" y="189"/>
                    <a:pt x="7992" y="189"/>
                  </a:cubicBezTo>
                  <a:cubicBezTo>
                    <a:pt x="8006" y="139"/>
                    <a:pt x="8048" y="104"/>
                    <a:pt x="8115" y="104"/>
                  </a:cubicBezTo>
                  <a:cubicBezTo>
                    <a:pt x="8151" y="104"/>
                    <a:pt x="8181" y="113"/>
                    <a:pt x="8204" y="132"/>
                  </a:cubicBezTo>
                  <a:close/>
                  <a:moveTo>
                    <a:pt x="8168" y="260"/>
                  </a:moveTo>
                  <a:cubicBezTo>
                    <a:pt x="8167" y="260"/>
                    <a:pt x="8167" y="260"/>
                    <a:pt x="8167" y="260"/>
                  </a:cubicBezTo>
                  <a:cubicBezTo>
                    <a:pt x="8162" y="267"/>
                    <a:pt x="8162" y="267"/>
                    <a:pt x="8162" y="267"/>
                  </a:cubicBezTo>
                  <a:cubicBezTo>
                    <a:pt x="8159" y="270"/>
                    <a:pt x="8140" y="279"/>
                    <a:pt x="8104" y="288"/>
                  </a:cubicBezTo>
                  <a:cubicBezTo>
                    <a:pt x="8066" y="297"/>
                    <a:pt x="8058" y="309"/>
                    <a:pt x="8058" y="325"/>
                  </a:cubicBezTo>
                  <a:cubicBezTo>
                    <a:pt x="8058" y="345"/>
                    <a:pt x="8073" y="355"/>
                    <a:pt x="8102" y="355"/>
                  </a:cubicBezTo>
                  <a:cubicBezTo>
                    <a:pt x="8147" y="355"/>
                    <a:pt x="8168" y="336"/>
                    <a:pt x="8168" y="312"/>
                  </a:cubicBezTo>
                  <a:lnTo>
                    <a:pt x="8168" y="260"/>
                  </a:lnTo>
                  <a:close/>
                  <a:moveTo>
                    <a:pt x="3631" y="39"/>
                  </a:moveTo>
                  <a:cubicBezTo>
                    <a:pt x="3561" y="39"/>
                    <a:pt x="3561" y="39"/>
                    <a:pt x="3561" y="39"/>
                  </a:cubicBezTo>
                  <a:cubicBezTo>
                    <a:pt x="3561" y="112"/>
                    <a:pt x="3561" y="112"/>
                    <a:pt x="3561" y="112"/>
                  </a:cubicBezTo>
                  <a:cubicBezTo>
                    <a:pt x="3514" y="112"/>
                    <a:pt x="3514" y="112"/>
                    <a:pt x="3514" y="112"/>
                  </a:cubicBezTo>
                  <a:cubicBezTo>
                    <a:pt x="3514" y="174"/>
                    <a:pt x="3514" y="174"/>
                    <a:pt x="3514" y="174"/>
                  </a:cubicBezTo>
                  <a:cubicBezTo>
                    <a:pt x="3560" y="174"/>
                    <a:pt x="3560" y="174"/>
                    <a:pt x="3560" y="174"/>
                  </a:cubicBezTo>
                  <a:cubicBezTo>
                    <a:pt x="3560" y="304"/>
                    <a:pt x="3560" y="304"/>
                    <a:pt x="3560" y="304"/>
                  </a:cubicBezTo>
                  <a:cubicBezTo>
                    <a:pt x="3560" y="341"/>
                    <a:pt x="3567" y="368"/>
                    <a:pt x="3582" y="385"/>
                  </a:cubicBezTo>
                  <a:cubicBezTo>
                    <a:pt x="3597" y="402"/>
                    <a:pt x="3625" y="410"/>
                    <a:pt x="3665" y="410"/>
                  </a:cubicBezTo>
                  <a:cubicBezTo>
                    <a:pt x="3696" y="410"/>
                    <a:pt x="3696" y="410"/>
                    <a:pt x="3696" y="410"/>
                  </a:cubicBezTo>
                  <a:cubicBezTo>
                    <a:pt x="3696" y="340"/>
                    <a:pt x="3696" y="340"/>
                    <a:pt x="3696" y="340"/>
                  </a:cubicBezTo>
                  <a:cubicBezTo>
                    <a:pt x="3672" y="340"/>
                    <a:pt x="3672" y="340"/>
                    <a:pt x="3672" y="340"/>
                  </a:cubicBezTo>
                  <a:cubicBezTo>
                    <a:pt x="3640" y="340"/>
                    <a:pt x="3632" y="328"/>
                    <a:pt x="3632" y="297"/>
                  </a:cubicBezTo>
                  <a:cubicBezTo>
                    <a:pt x="3632" y="174"/>
                    <a:pt x="3632" y="174"/>
                    <a:pt x="3632" y="174"/>
                  </a:cubicBezTo>
                  <a:cubicBezTo>
                    <a:pt x="3706" y="174"/>
                    <a:pt x="3706" y="174"/>
                    <a:pt x="3706" y="174"/>
                  </a:cubicBezTo>
                  <a:cubicBezTo>
                    <a:pt x="3706" y="112"/>
                    <a:pt x="3706" y="112"/>
                    <a:pt x="3706" y="112"/>
                  </a:cubicBezTo>
                  <a:cubicBezTo>
                    <a:pt x="3631" y="112"/>
                    <a:pt x="3631" y="112"/>
                    <a:pt x="3631" y="112"/>
                  </a:cubicBezTo>
                  <a:lnTo>
                    <a:pt x="3631" y="39"/>
                  </a:lnTo>
                  <a:close/>
                  <a:moveTo>
                    <a:pt x="4798" y="410"/>
                  </a:moveTo>
                  <a:cubicBezTo>
                    <a:pt x="4798" y="215"/>
                    <a:pt x="4798" y="215"/>
                    <a:pt x="4798" y="215"/>
                  </a:cubicBezTo>
                  <a:cubicBezTo>
                    <a:pt x="4798" y="145"/>
                    <a:pt x="4758" y="104"/>
                    <a:pt x="4693" y="104"/>
                  </a:cubicBezTo>
                  <a:cubicBezTo>
                    <a:pt x="4661" y="104"/>
                    <a:pt x="4630" y="120"/>
                    <a:pt x="4614" y="141"/>
                  </a:cubicBezTo>
                  <a:cubicBezTo>
                    <a:pt x="4613" y="141"/>
                    <a:pt x="4613" y="141"/>
                    <a:pt x="4613" y="141"/>
                  </a:cubicBezTo>
                  <a:cubicBezTo>
                    <a:pt x="4613" y="112"/>
                    <a:pt x="4613" y="112"/>
                    <a:pt x="4613" y="112"/>
                  </a:cubicBezTo>
                  <a:cubicBezTo>
                    <a:pt x="4543" y="112"/>
                    <a:pt x="4543" y="112"/>
                    <a:pt x="4543" y="112"/>
                  </a:cubicBezTo>
                  <a:cubicBezTo>
                    <a:pt x="4543" y="410"/>
                    <a:pt x="4543" y="410"/>
                    <a:pt x="4543" y="410"/>
                  </a:cubicBezTo>
                  <a:cubicBezTo>
                    <a:pt x="4616" y="410"/>
                    <a:pt x="4616" y="410"/>
                    <a:pt x="4616" y="410"/>
                  </a:cubicBezTo>
                  <a:cubicBezTo>
                    <a:pt x="4616" y="228"/>
                    <a:pt x="4616" y="228"/>
                    <a:pt x="4616" y="228"/>
                  </a:cubicBezTo>
                  <a:cubicBezTo>
                    <a:pt x="4616" y="194"/>
                    <a:pt x="4637" y="171"/>
                    <a:pt x="4673" y="171"/>
                  </a:cubicBezTo>
                  <a:cubicBezTo>
                    <a:pt x="4711" y="171"/>
                    <a:pt x="4725" y="192"/>
                    <a:pt x="4725" y="233"/>
                  </a:cubicBezTo>
                  <a:cubicBezTo>
                    <a:pt x="4725" y="410"/>
                    <a:pt x="4725" y="410"/>
                    <a:pt x="4725" y="410"/>
                  </a:cubicBezTo>
                  <a:lnTo>
                    <a:pt x="4798" y="410"/>
                  </a:lnTo>
                  <a:close/>
                  <a:moveTo>
                    <a:pt x="5862" y="0"/>
                  </a:moveTo>
                  <a:cubicBezTo>
                    <a:pt x="5789" y="0"/>
                    <a:pt x="5789" y="0"/>
                    <a:pt x="5789" y="0"/>
                  </a:cubicBezTo>
                  <a:cubicBezTo>
                    <a:pt x="5789" y="69"/>
                    <a:pt x="5789" y="69"/>
                    <a:pt x="5789" y="69"/>
                  </a:cubicBezTo>
                  <a:cubicBezTo>
                    <a:pt x="5862" y="69"/>
                    <a:pt x="5862" y="69"/>
                    <a:pt x="5862" y="69"/>
                  </a:cubicBezTo>
                  <a:lnTo>
                    <a:pt x="5862" y="0"/>
                  </a:lnTo>
                  <a:close/>
                  <a:moveTo>
                    <a:pt x="3083" y="376"/>
                  </a:moveTo>
                  <a:cubicBezTo>
                    <a:pt x="3060" y="347"/>
                    <a:pt x="3048" y="309"/>
                    <a:pt x="3048" y="261"/>
                  </a:cubicBezTo>
                  <a:cubicBezTo>
                    <a:pt x="3048" y="213"/>
                    <a:pt x="3061" y="174"/>
                    <a:pt x="3086" y="146"/>
                  </a:cubicBezTo>
                  <a:cubicBezTo>
                    <a:pt x="3111" y="118"/>
                    <a:pt x="3142" y="104"/>
                    <a:pt x="3176" y="104"/>
                  </a:cubicBezTo>
                  <a:cubicBezTo>
                    <a:pt x="3207" y="104"/>
                    <a:pt x="3235" y="119"/>
                    <a:pt x="3244" y="131"/>
                  </a:cubicBezTo>
                  <a:cubicBezTo>
                    <a:pt x="3251" y="141"/>
                    <a:pt x="3251" y="141"/>
                    <a:pt x="3251" y="141"/>
                  </a:cubicBezTo>
                  <a:cubicBezTo>
                    <a:pt x="3252" y="141"/>
                    <a:pt x="3252" y="141"/>
                    <a:pt x="3252" y="141"/>
                  </a:cubicBezTo>
                  <a:cubicBezTo>
                    <a:pt x="3252" y="0"/>
                    <a:pt x="3252" y="0"/>
                    <a:pt x="3252" y="0"/>
                  </a:cubicBezTo>
                  <a:cubicBezTo>
                    <a:pt x="3325" y="0"/>
                    <a:pt x="3325" y="0"/>
                    <a:pt x="3325" y="0"/>
                  </a:cubicBezTo>
                  <a:cubicBezTo>
                    <a:pt x="3325" y="410"/>
                    <a:pt x="3325" y="410"/>
                    <a:pt x="3325" y="410"/>
                  </a:cubicBezTo>
                  <a:cubicBezTo>
                    <a:pt x="3257" y="410"/>
                    <a:pt x="3257" y="410"/>
                    <a:pt x="3257" y="410"/>
                  </a:cubicBezTo>
                  <a:cubicBezTo>
                    <a:pt x="3257" y="381"/>
                    <a:pt x="3257" y="381"/>
                    <a:pt x="3257" y="381"/>
                  </a:cubicBezTo>
                  <a:cubicBezTo>
                    <a:pt x="3256" y="381"/>
                    <a:pt x="3256" y="381"/>
                    <a:pt x="3256" y="381"/>
                  </a:cubicBezTo>
                  <a:cubicBezTo>
                    <a:pt x="3254" y="384"/>
                    <a:pt x="3251" y="387"/>
                    <a:pt x="3247" y="391"/>
                  </a:cubicBezTo>
                  <a:cubicBezTo>
                    <a:pt x="3244" y="395"/>
                    <a:pt x="3236" y="401"/>
                    <a:pt x="3221" y="408"/>
                  </a:cubicBezTo>
                  <a:cubicBezTo>
                    <a:pt x="3208" y="415"/>
                    <a:pt x="3193" y="418"/>
                    <a:pt x="3177" y="418"/>
                  </a:cubicBezTo>
                  <a:cubicBezTo>
                    <a:pt x="3138" y="418"/>
                    <a:pt x="3106" y="404"/>
                    <a:pt x="3083" y="376"/>
                  </a:cubicBezTo>
                  <a:close/>
                  <a:moveTo>
                    <a:pt x="3121" y="261"/>
                  </a:moveTo>
                  <a:cubicBezTo>
                    <a:pt x="3121" y="321"/>
                    <a:pt x="3146" y="353"/>
                    <a:pt x="3188" y="353"/>
                  </a:cubicBezTo>
                  <a:cubicBezTo>
                    <a:pt x="3228" y="353"/>
                    <a:pt x="3252" y="324"/>
                    <a:pt x="3252" y="288"/>
                  </a:cubicBezTo>
                  <a:cubicBezTo>
                    <a:pt x="3252" y="233"/>
                    <a:pt x="3252" y="233"/>
                    <a:pt x="3252" y="233"/>
                  </a:cubicBezTo>
                  <a:cubicBezTo>
                    <a:pt x="3252" y="197"/>
                    <a:pt x="3228" y="169"/>
                    <a:pt x="3188" y="169"/>
                  </a:cubicBezTo>
                  <a:cubicBezTo>
                    <a:pt x="3146" y="169"/>
                    <a:pt x="3121" y="200"/>
                    <a:pt x="3121" y="261"/>
                  </a:cubicBezTo>
                  <a:close/>
                  <a:moveTo>
                    <a:pt x="6091" y="104"/>
                  </a:moveTo>
                  <a:cubicBezTo>
                    <a:pt x="6059" y="104"/>
                    <a:pt x="6028" y="120"/>
                    <a:pt x="6012" y="141"/>
                  </a:cubicBezTo>
                  <a:cubicBezTo>
                    <a:pt x="6011" y="141"/>
                    <a:pt x="6011" y="141"/>
                    <a:pt x="6011" y="141"/>
                  </a:cubicBezTo>
                  <a:cubicBezTo>
                    <a:pt x="6011" y="112"/>
                    <a:pt x="6011" y="112"/>
                    <a:pt x="6011" y="112"/>
                  </a:cubicBezTo>
                  <a:cubicBezTo>
                    <a:pt x="5941" y="112"/>
                    <a:pt x="5941" y="112"/>
                    <a:pt x="5941" y="112"/>
                  </a:cubicBezTo>
                  <a:cubicBezTo>
                    <a:pt x="5941" y="410"/>
                    <a:pt x="5941" y="410"/>
                    <a:pt x="5941" y="410"/>
                  </a:cubicBezTo>
                  <a:cubicBezTo>
                    <a:pt x="6014" y="410"/>
                    <a:pt x="6014" y="410"/>
                    <a:pt x="6014" y="410"/>
                  </a:cubicBezTo>
                  <a:cubicBezTo>
                    <a:pt x="6014" y="228"/>
                    <a:pt x="6014" y="228"/>
                    <a:pt x="6014" y="228"/>
                  </a:cubicBezTo>
                  <a:cubicBezTo>
                    <a:pt x="6014" y="194"/>
                    <a:pt x="6035" y="171"/>
                    <a:pt x="6071" y="171"/>
                  </a:cubicBezTo>
                  <a:cubicBezTo>
                    <a:pt x="6109" y="171"/>
                    <a:pt x="6123" y="192"/>
                    <a:pt x="6123" y="233"/>
                  </a:cubicBezTo>
                  <a:cubicBezTo>
                    <a:pt x="6123" y="410"/>
                    <a:pt x="6123" y="410"/>
                    <a:pt x="6123" y="410"/>
                  </a:cubicBezTo>
                  <a:cubicBezTo>
                    <a:pt x="6197" y="410"/>
                    <a:pt x="6197" y="410"/>
                    <a:pt x="6197" y="410"/>
                  </a:cubicBezTo>
                  <a:cubicBezTo>
                    <a:pt x="6197" y="215"/>
                    <a:pt x="6197" y="215"/>
                    <a:pt x="6197" y="215"/>
                  </a:cubicBezTo>
                  <a:cubicBezTo>
                    <a:pt x="6197" y="145"/>
                    <a:pt x="6157" y="104"/>
                    <a:pt x="6091" y="104"/>
                  </a:cubicBezTo>
                  <a:close/>
                  <a:moveTo>
                    <a:pt x="0" y="87"/>
                  </a:moveTo>
                  <a:cubicBezTo>
                    <a:pt x="115" y="87"/>
                    <a:pt x="115" y="87"/>
                    <a:pt x="115" y="87"/>
                  </a:cubicBezTo>
                  <a:cubicBezTo>
                    <a:pt x="115" y="410"/>
                    <a:pt x="115" y="410"/>
                    <a:pt x="115" y="410"/>
                  </a:cubicBezTo>
                  <a:cubicBezTo>
                    <a:pt x="191" y="410"/>
                    <a:pt x="191" y="410"/>
                    <a:pt x="191" y="410"/>
                  </a:cubicBezTo>
                  <a:cubicBezTo>
                    <a:pt x="191" y="87"/>
                    <a:pt x="191" y="87"/>
                    <a:pt x="191" y="87"/>
                  </a:cubicBezTo>
                  <a:cubicBezTo>
                    <a:pt x="306" y="87"/>
                    <a:pt x="306" y="87"/>
                    <a:pt x="306" y="87"/>
                  </a:cubicBezTo>
                  <a:cubicBezTo>
                    <a:pt x="306" y="16"/>
                    <a:pt x="306" y="16"/>
                    <a:pt x="306" y="16"/>
                  </a:cubicBezTo>
                  <a:cubicBezTo>
                    <a:pt x="0" y="16"/>
                    <a:pt x="0" y="16"/>
                    <a:pt x="0" y="16"/>
                  </a:cubicBezTo>
                  <a:lnTo>
                    <a:pt x="0" y="87"/>
                  </a:lnTo>
                  <a:close/>
                  <a:moveTo>
                    <a:pt x="5093" y="146"/>
                  </a:moveTo>
                  <a:cubicBezTo>
                    <a:pt x="5120" y="174"/>
                    <a:pt x="5133" y="212"/>
                    <a:pt x="5133" y="261"/>
                  </a:cubicBezTo>
                  <a:cubicBezTo>
                    <a:pt x="5133" y="310"/>
                    <a:pt x="5120" y="349"/>
                    <a:pt x="5094" y="377"/>
                  </a:cubicBezTo>
                  <a:cubicBezTo>
                    <a:pt x="5068" y="404"/>
                    <a:pt x="5034" y="418"/>
                    <a:pt x="4994" y="418"/>
                  </a:cubicBezTo>
                  <a:cubicBezTo>
                    <a:pt x="4953" y="418"/>
                    <a:pt x="4920" y="404"/>
                    <a:pt x="4894" y="377"/>
                  </a:cubicBezTo>
                  <a:cubicBezTo>
                    <a:pt x="4867" y="349"/>
                    <a:pt x="4854" y="310"/>
                    <a:pt x="4854" y="261"/>
                  </a:cubicBezTo>
                  <a:cubicBezTo>
                    <a:pt x="4854" y="212"/>
                    <a:pt x="4868" y="174"/>
                    <a:pt x="4895" y="146"/>
                  </a:cubicBezTo>
                  <a:cubicBezTo>
                    <a:pt x="4922" y="118"/>
                    <a:pt x="4955" y="104"/>
                    <a:pt x="4994" y="104"/>
                  </a:cubicBezTo>
                  <a:cubicBezTo>
                    <a:pt x="5033" y="104"/>
                    <a:pt x="5066" y="118"/>
                    <a:pt x="5093" y="146"/>
                  </a:cubicBezTo>
                  <a:close/>
                  <a:moveTo>
                    <a:pt x="5061" y="261"/>
                  </a:moveTo>
                  <a:cubicBezTo>
                    <a:pt x="5061" y="232"/>
                    <a:pt x="5055" y="209"/>
                    <a:pt x="5043" y="194"/>
                  </a:cubicBezTo>
                  <a:cubicBezTo>
                    <a:pt x="5031" y="177"/>
                    <a:pt x="5015" y="169"/>
                    <a:pt x="4994" y="169"/>
                  </a:cubicBezTo>
                  <a:cubicBezTo>
                    <a:pt x="4973" y="169"/>
                    <a:pt x="4957" y="177"/>
                    <a:pt x="4944" y="193"/>
                  </a:cubicBezTo>
                  <a:cubicBezTo>
                    <a:pt x="4933" y="209"/>
                    <a:pt x="4926" y="231"/>
                    <a:pt x="4926" y="261"/>
                  </a:cubicBezTo>
                  <a:cubicBezTo>
                    <a:pt x="4926" y="291"/>
                    <a:pt x="4933" y="313"/>
                    <a:pt x="4944" y="329"/>
                  </a:cubicBezTo>
                  <a:cubicBezTo>
                    <a:pt x="4956" y="345"/>
                    <a:pt x="4973" y="353"/>
                    <a:pt x="4994" y="353"/>
                  </a:cubicBezTo>
                  <a:cubicBezTo>
                    <a:pt x="5015" y="353"/>
                    <a:pt x="5032" y="345"/>
                    <a:pt x="5043" y="329"/>
                  </a:cubicBezTo>
                  <a:cubicBezTo>
                    <a:pt x="5055" y="313"/>
                    <a:pt x="5061" y="290"/>
                    <a:pt x="5061" y="261"/>
                  </a:cubicBezTo>
                  <a:close/>
                  <a:moveTo>
                    <a:pt x="4108" y="376"/>
                  </a:moveTo>
                  <a:cubicBezTo>
                    <a:pt x="4082" y="347"/>
                    <a:pt x="4069" y="309"/>
                    <a:pt x="4069" y="261"/>
                  </a:cubicBezTo>
                  <a:cubicBezTo>
                    <a:pt x="4069" y="213"/>
                    <a:pt x="4082" y="176"/>
                    <a:pt x="4108" y="147"/>
                  </a:cubicBezTo>
                  <a:cubicBezTo>
                    <a:pt x="4134" y="118"/>
                    <a:pt x="4167" y="104"/>
                    <a:pt x="4207" y="104"/>
                  </a:cubicBezTo>
                  <a:cubicBezTo>
                    <a:pt x="4246" y="104"/>
                    <a:pt x="4279" y="118"/>
                    <a:pt x="4304" y="147"/>
                  </a:cubicBezTo>
                  <a:cubicBezTo>
                    <a:pt x="4330" y="176"/>
                    <a:pt x="4343" y="213"/>
                    <a:pt x="4343" y="261"/>
                  </a:cubicBezTo>
                  <a:cubicBezTo>
                    <a:pt x="4343" y="283"/>
                    <a:pt x="4343" y="283"/>
                    <a:pt x="4343" y="283"/>
                  </a:cubicBezTo>
                  <a:cubicBezTo>
                    <a:pt x="4143" y="283"/>
                    <a:pt x="4143" y="283"/>
                    <a:pt x="4143" y="283"/>
                  </a:cubicBezTo>
                  <a:cubicBezTo>
                    <a:pt x="4145" y="328"/>
                    <a:pt x="4169" y="354"/>
                    <a:pt x="4209" y="354"/>
                  </a:cubicBezTo>
                  <a:cubicBezTo>
                    <a:pt x="4243" y="354"/>
                    <a:pt x="4262" y="336"/>
                    <a:pt x="4282" y="307"/>
                  </a:cubicBezTo>
                  <a:cubicBezTo>
                    <a:pt x="4333" y="352"/>
                    <a:pt x="4333" y="352"/>
                    <a:pt x="4333" y="352"/>
                  </a:cubicBezTo>
                  <a:cubicBezTo>
                    <a:pt x="4303" y="396"/>
                    <a:pt x="4262" y="418"/>
                    <a:pt x="4210" y="418"/>
                  </a:cubicBezTo>
                  <a:cubicBezTo>
                    <a:pt x="4168" y="418"/>
                    <a:pt x="4135" y="404"/>
                    <a:pt x="4108" y="376"/>
                  </a:cubicBezTo>
                  <a:close/>
                  <a:moveTo>
                    <a:pt x="4143" y="228"/>
                  </a:moveTo>
                  <a:cubicBezTo>
                    <a:pt x="4272" y="228"/>
                    <a:pt x="4272" y="228"/>
                    <a:pt x="4272" y="228"/>
                  </a:cubicBezTo>
                  <a:cubicBezTo>
                    <a:pt x="4268" y="190"/>
                    <a:pt x="4245" y="168"/>
                    <a:pt x="4207" y="168"/>
                  </a:cubicBezTo>
                  <a:cubicBezTo>
                    <a:pt x="4171" y="168"/>
                    <a:pt x="4146" y="194"/>
                    <a:pt x="4143" y="228"/>
                  </a:cubicBezTo>
                  <a:close/>
                  <a:moveTo>
                    <a:pt x="9312" y="112"/>
                  </a:moveTo>
                  <a:cubicBezTo>
                    <a:pt x="9382" y="112"/>
                    <a:pt x="9382" y="112"/>
                    <a:pt x="9382" y="112"/>
                  </a:cubicBezTo>
                  <a:cubicBezTo>
                    <a:pt x="9382" y="410"/>
                    <a:pt x="9382" y="410"/>
                    <a:pt x="9382" y="410"/>
                  </a:cubicBezTo>
                  <a:cubicBezTo>
                    <a:pt x="9382" y="453"/>
                    <a:pt x="9369" y="487"/>
                    <a:pt x="9344" y="510"/>
                  </a:cubicBezTo>
                  <a:cubicBezTo>
                    <a:pt x="9318" y="533"/>
                    <a:pt x="9286" y="545"/>
                    <a:pt x="9246" y="545"/>
                  </a:cubicBezTo>
                  <a:cubicBezTo>
                    <a:pt x="9183" y="545"/>
                    <a:pt x="9140" y="516"/>
                    <a:pt x="9120" y="471"/>
                  </a:cubicBezTo>
                  <a:cubicBezTo>
                    <a:pt x="9174" y="433"/>
                    <a:pt x="9174" y="433"/>
                    <a:pt x="9174" y="433"/>
                  </a:cubicBezTo>
                  <a:cubicBezTo>
                    <a:pt x="9192" y="467"/>
                    <a:pt x="9211" y="481"/>
                    <a:pt x="9246" y="481"/>
                  </a:cubicBezTo>
                  <a:cubicBezTo>
                    <a:pt x="9284" y="481"/>
                    <a:pt x="9309" y="462"/>
                    <a:pt x="9309" y="419"/>
                  </a:cubicBezTo>
                  <a:cubicBezTo>
                    <a:pt x="9309" y="381"/>
                    <a:pt x="9309" y="381"/>
                    <a:pt x="9309" y="381"/>
                  </a:cubicBezTo>
                  <a:cubicBezTo>
                    <a:pt x="9308" y="381"/>
                    <a:pt x="9308" y="381"/>
                    <a:pt x="9308" y="381"/>
                  </a:cubicBezTo>
                  <a:cubicBezTo>
                    <a:pt x="9296" y="402"/>
                    <a:pt x="9265" y="418"/>
                    <a:pt x="9233" y="418"/>
                  </a:cubicBezTo>
                  <a:cubicBezTo>
                    <a:pt x="9195" y="418"/>
                    <a:pt x="9163" y="404"/>
                    <a:pt x="9137" y="377"/>
                  </a:cubicBezTo>
                  <a:cubicBezTo>
                    <a:pt x="9111" y="349"/>
                    <a:pt x="9098" y="310"/>
                    <a:pt x="9098" y="261"/>
                  </a:cubicBezTo>
                  <a:cubicBezTo>
                    <a:pt x="9098" y="213"/>
                    <a:pt x="9112" y="174"/>
                    <a:pt x="9138" y="146"/>
                  </a:cubicBezTo>
                  <a:cubicBezTo>
                    <a:pt x="9165" y="118"/>
                    <a:pt x="9196" y="104"/>
                    <a:pt x="9232" y="104"/>
                  </a:cubicBezTo>
                  <a:cubicBezTo>
                    <a:pt x="9267" y="104"/>
                    <a:pt x="9292" y="116"/>
                    <a:pt x="9311" y="141"/>
                  </a:cubicBezTo>
                  <a:cubicBezTo>
                    <a:pt x="9312" y="141"/>
                    <a:pt x="9312" y="141"/>
                    <a:pt x="9312" y="141"/>
                  </a:cubicBezTo>
                  <a:lnTo>
                    <a:pt x="9312" y="112"/>
                  </a:lnTo>
                  <a:close/>
                  <a:moveTo>
                    <a:pt x="9309" y="230"/>
                  </a:moveTo>
                  <a:cubicBezTo>
                    <a:pt x="9309" y="196"/>
                    <a:pt x="9283" y="169"/>
                    <a:pt x="9245" y="169"/>
                  </a:cubicBezTo>
                  <a:cubicBezTo>
                    <a:pt x="9201" y="169"/>
                    <a:pt x="9172" y="202"/>
                    <a:pt x="9172" y="261"/>
                  </a:cubicBezTo>
                  <a:cubicBezTo>
                    <a:pt x="9172" y="320"/>
                    <a:pt x="9202" y="353"/>
                    <a:pt x="9245" y="353"/>
                  </a:cubicBezTo>
                  <a:cubicBezTo>
                    <a:pt x="9283" y="353"/>
                    <a:pt x="9309" y="326"/>
                    <a:pt x="9309" y="291"/>
                  </a:cubicBezTo>
                  <a:lnTo>
                    <a:pt x="9309" y="230"/>
                  </a:lnTo>
                  <a:close/>
                  <a:moveTo>
                    <a:pt x="893" y="147"/>
                  </a:moveTo>
                  <a:cubicBezTo>
                    <a:pt x="919" y="176"/>
                    <a:pt x="932" y="213"/>
                    <a:pt x="932" y="261"/>
                  </a:cubicBezTo>
                  <a:cubicBezTo>
                    <a:pt x="932" y="283"/>
                    <a:pt x="932" y="283"/>
                    <a:pt x="932" y="283"/>
                  </a:cubicBezTo>
                  <a:cubicBezTo>
                    <a:pt x="732" y="283"/>
                    <a:pt x="732" y="283"/>
                    <a:pt x="732" y="283"/>
                  </a:cubicBezTo>
                  <a:cubicBezTo>
                    <a:pt x="734" y="328"/>
                    <a:pt x="758" y="354"/>
                    <a:pt x="798" y="354"/>
                  </a:cubicBezTo>
                  <a:cubicBezTo>
                    <a:pt x="831" y="354"/>
                    <a:pt x="851" y="336"/>
                    <a:pt x="871" y="307"/>
                  </a:cubicBezTo>
                  <a:cubicBezTo>
                    <a:pt x="922" y="352"/>
                    <a:pt x="922" y="352"/>
                    <a:pt x="922" y="352"/>
                  </a:cubicBezTo>
                  <a:cubicBezTo>
                    <a:pt x="892" y="396"/>
                    <a:pt x="851" y="418"/>
                    <a:pt x="799" y="418"/>
                  </a:cubicBezTo>
                  <a:cubicBezTo>
                    <a:pt x="757" y="418"/>
                    <a:pt x="724" y="404"/>
                    <a:pt x="697" y="376"/>
                  </a:cubicBezTo>
                  <a:cubicBezTo>
                    <a:pt x="671" y="347"/>
                    <a:pt x="658" y="309"/>
                    <a:pt x="658" y="261"/>
                  </a:cubicBezTo>
                  <a:cubicBezTo>
                    <a:pt x="658" y="213"/>
                    <a:pt x="671" y="176"/>
                    <a:pt x="697" y="147"/>
                  </a:cubicBezTo>
                  <a:cubicBezTo>
                    <a:pt x="723" y="118"/>
                    <a:pt x="756" y="104"/>
                    <a:pt x="795" y="104"/>
                  </a:cubicBezTo>
                  <a:cubicBezTo>
                    <a:pt x="835" y="104"/>
                    <a:pt x="868" y="118"/>
                    <a:pt x="893" y="147"/>
                  </a:cubicBezTo>
                  <a:close/>
                  <a:moveTo>
                    <a:pt x="861" y="228"/>
                  </a:moveTo>
                  <a:cubicBezTo>
                    <a:pt x="857" y="190"/>
                    <a:pt x="834" y="168"/>
                    <a:pt x="795" y="168"/>
                  </a:cubicBezTo>
                  <a:cubicBezTo>
                    <a:pt x="759" y="168"/>
                    <a:pt x="735" y="194"/>
                    <a:pt x="732" y="228"/>
                  </a:cubicBezTo>
                  <a:lnTo>
                    <a:pt x="861" y="228"/>
                  </a:lnTo>
                  <a:close/>
                  <a:moveTo>
                    <a:pt x="9463" y="330"/>
                  </a:moveTo>
                  <a:cubicBezTo>
                    <a:pt x="9463" y="410"/>
                    <a:pt x="9463" y="410"/>
                    <a:pt x="9463" y="410"/>
                  </a:cubicBezTo>
                  <a:cubicBezTo>
                    <a:pt x="9547" y="410"/>
                    <a:pt x="9547" y="410"/>
                    <a:pt x="9547" y="410"/>
                  </a:cubicBezTo>
                  <a:cubicBezTo>
                    <a:pt x="9547" y="330"/>
                    <a:pt x="9547" y="330"/>
                    <a:pt x="9547" y="330"/>
                  </a:cubicBezTo>
                  <a:lnTo>
                    <a:pt x="9463" y="330"/>
                  </a:lnTo>
                  <a:close/>
                  <a:moveTo>
                    <a:pt x="6428" y="376"/>
                  </a:moveTo>
                  <a:cubicBezTo>
                    <a:pt x="6405" y="347"/>
                    <a:pt x="6393" y="309"/>
                    <a:pt x="6393" y="261"/>
                  </a:cubicBezTo>
                  <a:cubicBezTo>
                    <a:pt x="6393" y="213"/>
                    <a:pt x="6406" y="174"/>
                    <a:pt x="6431" y="146"/>
                  </a:cubicBezTo>
                  <a:cubicBezTo>
                    <a:pt x="6457" y="118"/>
                    <a:pt x="6487" y="104"/>
                    <a:pt x="6521" y="104"/>
                  </a:cubicBezTo>
                  <a:cubicBezTo>
                    <a:pt x="6553" y="104"/>
                    <a:pt x="6580" y="119"/>
                    <a:pt x="6589" y="131"/>
                  </a:cubicBezTo>
                  <a:cubicBezTo>
                    <a:pt x="6597" y="141"/>
                    <a:pt x="6597" y="141"/>
                    <a:pt x="6597" y="141"/>
                  </a:cubicBezTo>
                  <a:cubicBezTo>
                    <a:pt x="6598" y="141"/>
                    <a:pt x="6598" y="141"/>
                    <a:pt x="6598" y="141"/>
                  </a:cubicBezTo>
                  <a:cubicBezTo>
                    <a:pt x="6598" y="0"/>
                    <a:pt x="6598" y="0"/>
                    <a:pt x="6598" y="0"/>
                  </a:cubicBezTo>
                  <a:cubicBezTo>
                    <a:pt x="6671" y="0"/>
                    <a:pt x="6671" y="0"/>
                    <a:pt x="6671" y="0"/>
                  </a:cubicBezTo>
                  <a:cubicBezTo>
                    <a:pt x="6671" y="410"/>
                    <a:pt x="6671" y="410"/>
                    <a:pt x="6671" y="410"/>
                  </a:cubicBezTo>
                  <a:cubicBezTo>
                    <a:pt x="6602" y="410"/>
                    <a:pt x="6602" y="410"/>
                    <a:pt x="6602" y="410"/>
                  </a:cubicBezTo>
                  <a:cubicBezTo>
                    <a:pt x="6602" y="381"/>
                    <a:pt x="6602" y="381"/>
                    <a:pt x="6602" y="381"/>
                  </a:cubicBezTo>
                  <a:cubicBezTo>
                    <a:pt x="6601" y="381"/>
                    <a:pt x="6601" y="381"/>
                    <a:pt x="6601" y="381"/>
                  </a:cubicBezTo>
                  <a:cubicBezTo>
                    <a:pt x="6599" y="384"/>
                    <a:pt x="6597" y="387"/>
                    <a:pt x="6593" y="391"/>
                  </a:cubicBezTo>
                  <a:cubicBezTo>
                    <a:pt x="6589" y="395"/>
                    <a:pt x="6581" y="401"/>
                    <a:pt x="6567" y="408"/>
                  </a:cubicBezTo>
                  <a:cubicBezTo>
                    <a:pt x="6553" y="415"/>
                    <a:pt x="6539" y="418"/>
                    <a:pt x="6522" y="418"/>
                  </a:cubicBezTo>
                  <a:cubicBezTo>
                    <a:pt x="6483" y="418"/>
                    <a:pt x="6452" y="404"/>
                    <a:pt x="6428" y="376"/>
                  </a:cubicBezTo>
                  <a:close/>
                  <a:moveTo>
                    <a:pt x="6466" y="261"/>
                  </a:moveTo>
                  <a:cubicBezTo>
                    <a:pt x="6466" y="321"/>
                    <a:pt x="6491" y="353"/>
                    <a:pt x="6534" y="353"/>
                  </a:cubicBezTo>
                  <a:cubicBezTo>
                    <a:pt x="6574" y="353"/>
                    <a:pt x="6598" y="324"/>
                    <a:pt x="6598" y="288"/>
                  </a:cubicBezTo>
                  <a:cubicBezTo>
                    <a:pt x="6598" y="233"/>
                    <a:pt x="6598" y="233"/>
                    <a:pt x="6598" y="233"/>
                  </a:cubicBezTo>
                  <a:cubicBezTo>
                    <a:pt x="6598" y="197"/>
                    <a:pt x="6574" y="169"/>
                    <a:pt x="6534" y="169"/>
                  </a:cubicBezTo>
                  <a:cubicBezTo>
                    <a:pt x="6491" y="169"/>
                    <a:pt x="6466" y="200"/>
                    <a:pt x="6466" y="261"/>
                  </a:cubicBezTo>
                  <a:close/>
                  <a:moveTo>
                    <a:pt x="1278" y="104"/>
                  </a:moveTo>
                  <a:cubicBezTo>
                    <a:pt x="1249" y="104"/>
                    <a:pt x="1217" y="121"/>
                    <a:pt x="1206" y="141"/>
                  </a:cubicBezTo>
                  <a:cubicBezTo>
                    <a:pt x="1205" y="141"/>
                    <a:pt x="1205" y="141"/>
                    <a:pt x="1205" y="141"/>
                  </a:cubicBezTo>
                  <a:cubicBezTo>
                    <a:pt x="1205" y="0"/>
                    <a:pt x="1205" y="0"/>
                    <a:pt x="1205" y="0"/>
                  </a:cubicBezTo>
                  <a:cubicBezTo>
                    <a:pt x="1131" y="0"/>
                    <a:pt x="1131" y="0"/>
                    <a:pt x="1131" y="0"/>
                  </a:cubicBezTo>
                  <a:cubicBezTo>
                    <a:pt x="1131" y="410"/>
                    <a:pt x="1131" y="410"/>
                    <a:pt x="1131" y="410"/>
                  </a:cubicBezTo>
                  <a:cubicBezTo>
                    <a:pt x="1205" y="410"/>
                    <a:pt x="1205" y="410"/>
                    <a:pt x="1205" y="410"/>
                  </a:cubicBezTo>
                  <a:cubicBezTo>
                    <a:pt x="1205" y="223"/>
                    <a:pt x="1205" y="223"/>
                    <a:pt x="1205" y="223"/>
                  </a:cubicBezTo>
                  <a:cubicBezTo>
                    <a:pt x="1205" y="192"/>
                    <a:pt x="1223" y="171"/>
                    <a:pt x="1256" y="171"/>
                  </a:cubicBezTo>
                  <a:cubicBezTo>
                    <a:pt x="1292" y="171"/>
                    <a:pt x="1309" y="195"/>
                    <a:pt x="1309" y="228"/>
                  </a:cubicBezTo>
                  <a:cubicBezTo>
                    <a:pt x="1309" y="410"/>
                    <a:pt x="1309" y="410"/>
                    <a:pt x="1309" y="410"/>
                  </a:cubicBezTo>
                  <a:cubicBezTo>
                    <a:pt x="1382" y="410"/>
                    <a:pt x="1382" y="410"/>
                    <a:pt x="1382" y="410"/>
                  </a:cubicBezTo>
                  <a:cubicBezTo>
                    <a:pt x="1382" y="212"/>
                    <a:pt x="1382" y="212"/>
                    <a:pt x="1382" y="212"/>
                  </a:cubicBezTo>
                  <a:cubicBezTo>
                    <a:pt x="1382" y="146"/>
                    <a:pt x="1342" y="104"/>
                    <a:pt x="1278" y="104"/>
                  </a:cubicBezTo>
                  <a:close/>
                  <a:moveTo>
                    <a:pt x="498" y="104"/>
                  </a:moveTo>
                  <a:cubicBezTo>
                    <a:pt x="468" y="104"/>
                    <a:pt x="437" y="121"/>
                    <a:pt x="425" y="141"/>
                  </a:cubicBezTo>
                  <a:cubicBezTo>
                    <a:pt x="424" y="141"/>
                    <a:pt x="424" y="141"/>
                    <a:pt x="424" y="141"/>
                  </a:cubicBezTo>
                  <a:cubicBezTo>
                    <a:pt x="424" y="0"/>
                    <a:pt x="424" y="0"/>
                    <a:pt x="424" y="0"/>
                  </a:cubicBezTo>
                  <a:cubicBezTo>
                    <a:pt x="351" y="0"/>
                    <a:pt x="351" y="0"/>
                    <a:pt x="351" y="0"/>
                  </a:cubicBezTo>
                  <a:cubicBezTo>
                    <a:pt x="351" y="410"/>
                    <a:pt x="351" y="410"/>
                    <a:pt x="351" y="410"/>
                  </a:cubicBezTo>
                  <a:cubicBezTo>
                    <a:pt x="424" y="410"/>
                    <a:pt x="424" y="410"/>
                    <a:pt x="424" y="410"/>
                  </a:cubicBezTo>
                  <a:cubicBezTo>
                    <a:pt x="424" y="223"/>
                    <a:pt x="424" y="223"/>
                    <a:pt x="424" y="223"/>
                  </a:cubicBezTo>
                  <a:cubicBezTo>
                    <a:pt x="424" y="192"/>
                    <a:pt x="442" y="171"/>
                    <a:pt x="476" y="171"/>
                  </a:cubicBezTo>
                  <a:cubicBezTo>
                    <a:pt x="511" y="171"/>
                    <a:pt x="529" y="195"/>
                    <a:pt x="529" y="228"/>
                  </a:cubicBezTo>
                  <a:cubicBezTo>
                    <a:pt x="529" y="410"/>
                    <a:pt x="529" y="410"/>
                    <a:pt x="529" y="410"/>
                  </a:cubicBezTo>
                  <a:cubicBezTo>
                    <a:pt x="602" y="410"/>
                    <a:pt x="602" y="410"/>
                    <a:pt x="602" y="410"/>
                  </a:cubicBezTo>
                  <a:cubicBezTo>
                    <a:pt x="602" y="212"/>
                    <a:pt x="602" y="212"/>
                    <a:pt x="602" y="212"/>
                  </a:cubicBezTo>
                  <a:cubicBezTo>
                    <a:pt x="602" y="146"/>
                    <a:pt x="561" y="104"/>
                    <a:pt x="498" y="104"/>
                  </a:cubicBezTo>
                  <a:close/>
                  <a:moveTo>
                    <a:pt x="6965" y="147"/>
                  </a:moveTo>
                  <a:cubicBezTo>
                    <a:pt x="6991" y="176"/>
                    <a:pt x="7004" y="213"/>
                    <a:pt x="7004" y="261"/>
                  </a:cubicBezTo>
                  <a:cubicBezTo>
                    <a:pt x="7004" y="283"/>
                    <a:pt x="7004" y="283"/>
                    <a:pt x="7004" y="283"/>
                  </a:cubicBezTo>
                  <a:cubicBezTo>
                    <a:pt x="6804" y="283"/>
                    <a:pt x="6804" y="283"/>
                    <a:pt x="6804" y="283"/>
                  </a:cubicBezTo>
                  <a:cubicBezTo>
                    <a:pt x="6806" y="328"/>
                    <a:pt x="6830" y="354"/>
                    <a:pt x="6870" y="354"/>
                  </a:cubicBezTo>
                  <a:cubicBezTo>
                    <a:pt x="6903" y="354"/>
                    <a:pt x="6923" y="336"/>
                    <a:pt x="6943" y="307"/>
                  </a:cubicBezTo>
                  <a:cubicBezTo>
                    <a:pt x="6994" y="352"/>
                    <a:pt x="6994" y="352"/>
                    <a:pt x="6994" y="352"/>
                  </a:cubicBezTo>
                  <a:cubicBezTo>
                    <a:pt x="6964" y="396"/>
                    <a:pt x="6923" y="418"/>
                    <a:pt x="6871" y="418"/>
                  </a:cubicBezTo>
                  <a:cubicBezTo>
                    <a:pt x="6829" y="418"/>
                    <a:pt x="6796" y="404"/>
                    <a:pt x="6769" y="376"/>
                  </a:cubicBezTo>
                  <a:cubicBezTo>
                    <a:pt x="6743" y="347"/>
                    <a:pt x="6730" y="309"/>
                    <a:pt x="6730" y="261"/>
                  </a:cubicBezTo>
                  <a:cubicBezTo>
                    <a:pt x="6730" y="213"/>
                    <a:pt x="6743" y="176"/>
                    <a:pt x="6769" y="147"/>
                  </a:cubicBezTo>
                  <a:cubicBezTo>
                    <a:pt x="6795" y="118"/>
                    <a:pt x="6828" y="104"/>
                    <a:pt x="6867" y="104"/>
                  </a:cubicBezTo>
                  <a:cubicBezTo>
                    <a:pt x="6907" y="104"/>
                    <a:pt x="6940" y="118"/>
                    <a:pt x="6965" y="147"/>
                  </a:cubicBezTo>
                  <a:close/>
                  <a:moveTo>
                    <a:pt x="6933" y="228"/>
                  </a:moveTo>
                  <a:cubicBezTo>
                    <a:pt x="6929" y="190"/>
                    <a:pt x="6906" y="168"/>
                    <a:pt x="6867" y="168"/>
                  </a:cubicBezTo>
                  <a:cubicBezTo>
                    <a:pt x="6832" y="168"/>
                    <a:pt x="6807" y="194"/>
                    <a:pt x="6804" y="228"/>
                  </a:cubicBezTo>
                  <a:lnTo>
                    <a:pt x="6933" y="228"/>
                  </a:lnTo>
                  <a:close/>
                  <a:moveTo>
                    <a:pt x="5522" y="112"/>
                  </a:moveTo>
                  <a:cubicBezTo>
                    <a:pt x="5477" y="310"/>
                    <a:pt x="5477" y="310"/>
                    <a:pt x="5477" y="310"/>
                  </a:cubicBezTo>
                  <a:cubicBezTo>
                    <a:pt x="5476" y="310"/>
                    <a:pt x="5476" y="310"/>
                    <a:pt x="5476" y="310"/>
                  </a:cubicBezTo>
                  <a:cubicBezTo>
                    <a:pt x="5415" y="112"/>
                    <a:pt x="5415" y="112"/>
                    <a:pt x="5415" y="112"/>
                  </a:cubicBezTo>
                  <a:cubicBezTo>
                    <a:pt x="5349" y="112"/>
                    <a:pt x="5349" y="112"/>
                    <a:pt x="5349" y="112"/>
                  </a:cubicBezTo>
                  <a:cubicBezTo>
                    <a:pt x="5282" y="311"/>
                    <a:pt x="5282" y="311"/>
                    <a:pt x="5282" y="311"/>
                  </a:cubicBezTo>
                  <a:cubicBezTo>
                    <a:pt x="5280" y="311"/>
                    <a:pt x="5280" y="311"/>
                    <a:pt x="5280" y="311"/>
                  </a:cubicBezTo>
                  <a:cubicBezTo>
                    <a:pt x="5241" y="112"/>
                    <a:pt x="5241" y="112"/>
                    <a:pt x="5241" y="112"/>
                  </a:cubicBezTo>
                  <a:cubicBezTo>
                    <a:pt x="5170" y="112"/>
                    <a:pt x="5170" y="112"/>
                    <a:pt x="5170" y="112"/>
                  </a:cubicBezTo>
                  <a:cubicBezTo>
                    <a:pt x="5236" y="410"/>
                    <a:pt x="5236" y="410"/>
                    <a:pt x="5236" y="410"/>
                  </a:cubicBezTo>
                  <a:cubicBezTo>
                    <a:pt x="5306" y="410"/>
                    <a:pt x="5306" y="410"/>
                    <a:pt x="5306" y="410"/>
                  </a:cubicBezTo>
                  <a:cubicBezTo>
                    <a:pt x="5380" y="196"/>
                    <a:pt x="5380" y="196"/>
                    <a:pt x="5380" y="196"/>
                  </a:cubicBezTo>
                  <a:cubicBezTo>
                    <a:pt x="5381" y="196"/>
                    <a:pt x="5381" y="196"/>
                    <a:pt x="5381" y="196"/>
                  </a:cubicBezTo>
                  <a:cubicBezTo>
                    <a:pt x="5449" y="410"/>
                    <a:pt x="5449" y="410"/>
                    <a:pt x="5449" y="410"/>
                  </a:cubicBezTo>
                  <a:cubicBezTo>
                    <a:pt x="5521" y="410"/>
                    <a:pt x="5521" y="410"/>
                    <a:pt x="5521" y="410"/>
                  </a:cubicBezTo>
                  <a:cubicBezTo>
                    <a:pt x="5592" y="112"/>
                    <a:pt x="5592" y="112"/>
                    <a:pt x="5592" y="112"/>
                  </a:cubicBezTo>
                  <a:lnTo>
                    <a:pt x="5522" y="112"/>
                  </a:lnTo>
                  <a:close/>
                  <a:moveTo>
                    <a:pt x="5862" y="112"/>
                  </a:moveTo>
                  <a:cubicBezTo>
                    <a:pt x="5789" y="112"/>
                    <a:pt x="5789" y="112"/>
                    <a:pt x="5789" y="112"/>
                  </a:cubicBezTo>
                  <a:cubicBezTo>
                    <a:pt x="5789" y="410"/>
                    <a:pt x="5789" y="410"/>
                    <a:pt x="5789" y="410"/>
                  </a:cubicBezTo>
                  <a:cubicBezTo>
                    <a:pt x="5862" y="410"/>
                    <a:pt x="5862" y="410"/>
                    <a:pt x="5862" y="410"/>
                  </a:cubicBezTo>
                  <a:lnTo>
                    <a:pt x="5862" y="112"/>
                  </a:lnTo>
                  <a:close/>
                  <a:moveTo>
                    <a:pt x="2454" y="805"/>
                  </a:moveTo>
                  <a:cubicBezTo>
                    <a:pt x="2453" y="783"/>
                    <a:pt x="2453" y="783"/>
                    <a:pt x="2453" y="783"/>
                  </a:cubicBezTo>
                  <a:cubicBezTo>
                    <a:pt x="2422" y="783"/>
                    <a:pt x="2422" y="783"/>
                    <a:pt x="2422" y="783"/>
                  </a:cubicBezTo>
                  <a:cubicBezTo>
                    <a:pt x="2422" y="974"/>
                    <a:pt x="2422" y="974"/>
                    <a:pt x="2422" y="974"/>
                  </a:cubicBezTo>
                  <a:cubicBezTo>
                    <a:pt x="2454" y="974"/>
                    <a:pt x="2454" y="974"/>
                    <a:pt x="2454" y="974"/>
                  </a:cubicBezTo>
                  <a:cubicBezTo>
                    <a:pt x="2454" y="839"/>
                    <a:pt x="2454" y="839"/>
                    <a:pt x="2454" y="839"/>
                  </a:cubicBezTo>
                  <a:cubicBezTo>
                    <a:pt x="2462" y="821"/>
                    <a:pt x="2476" y="811"/>
                    <a:pt x="2498" y="811"/>
                  </a:cubicBezTo>
                  <a:cubicBezTo>
                    <a:pt x="2503" y="811"/>
                    <a:pt x="2509" y="812"/>
                    <a:pt x="2514" y="813"/>
                  </a:cubicBezTo>
                  <a:cubicBezTo>
                    <a:pt x="2514" y="782"/>
                    <a:pt x="2514" y="782"/>
                    <a:pt x="2514" y="782"/>
                  </a:cubicBezTo>
                  <a:cubicBezTo>
                    <a:pt x="2510" y="781"/>
                    <a:pt x="2506" y="780"/>
                    <a:pt x="2499" y="780"/>
                  </a:cubicBezTo>
                  <a:cubicBezTo>
                    <a:pt x="2480" y="780"/>
                    <a:pt x="2464" y="788"/>
                    <a:pt x="2454" y="805"/>
                  </a:cubicBezTo>
                  <a:close/>
                  <a:moveTo>
                    <a:pt x="2688" y="807"/>
                  </a:moveTo>
                  <a:cubicBezTo>
                    <a:pt x="2705" y="825"/>
                    <a:pt x="2713" y="849"/>
                    <a:pt x="2713" y="879"/>
                  </a:cubicBezTo>
                  <a:cubicBezTo>
                    <a:pt x="2713" y="881"/>
                    <a:pt x="2713" y="881"/>
                    <a:pt x="2713" y="881"/>
                  </a:cubicBezTo>
                  <a:cubicBezTo>
                    <a:pt x="2713" y="899"/>
                    <a:pt x="2709" y="916"/>
                    <a:pt x="2702" y="931"/>
                  </a:cubicBezTo>
                  <a:cubicBezTo>
                    <a:pt x="2695" y="946"/>
                    <a:pt x="2685" y="957"/>
                    <a:pt x="2671" y="965"/>
                  </a:cubicBezTo>
                  <a:cubicBezTo>
                    <a:pt x="2658" y="974"/>
                    <a:pt x="2643" y="978"/>
                    <a:pt x="2626" y="978"/>
                  </a:cubicBezTo>
                  <a:cubicBezTo>
                    <a:pt x="2600" y="978"/>
                    <a:pt x="2579" y="969"/>
                    <a:pt x="2563" y="951"/>
                  </a:cubicBezTo>
                  <a:cubicBezTo>
                    <a:pt x="2547" y="933"/>
                    <a:pt x="2539" y="909"/>
                    <a:pt x="2539" y="879"/>
                  </a:cubicBezTo>
                  <a:cubicBezTo>
                    <a:pt x="2539" y="877"/>
                    <a:pt x="2539" y="877"/>
                    <a:pt x="2539" y="877"/>
                  </a:cubicBezTo>
                  <a:cubicBezTo>
                    <a:pt x="2539" y="858"/>
                    <a:pt x="2542" y="842"/>
                    <a:pt x="2550" y="827"/>
                  </a:cubicBezTo>
                  <a:cubicBezTo>
                    <a:pt x="2557" y="812"/>
                    <a:pt x="2567" y="800"/>
                    <a:pt x="2581" y="792"/>
                  </a:cubicBezTo>
                  <a:cubicBezTo>
                    <a:pt x="2594" y="784"/>
                    <a:pt x="2609" y="780"/>
                    <a:pt x="2625" y="780"/>
                  </a:cubicBezTo>
                  <a:cubicBezTo>
                    <a:pt x="2651" y="780"/>
                    <a:pt x="2672" y="789"/>
                    <a:pt x="2688" y="807"/>
                  </a:cubicBezTo>
                  <a:close/>
                  <a:moveTo>
                    <a:pt x="2680" y="877"/>
                  </a:moveTo>
                  <a:cubicBezTo>
                    <a:pt x="2680" y="856"/>
                    <a:pt x="2675" y="839"/>
                    <a:pt x="2665" y="826"/>
                  </a:cubicBezTo>
                  <a:cubicBezTo>
                    <a:pt x="2655" y="813"/>
                    <a:pt x="2642" y="807"/>
                    <a:pt x="2625" y="807"/>
                  </a:cubicBezTo>
                  <a:cubicBezTo>
                    <a:pt x="2609" y="807"/>
                    <a:pt x="2596" y="813"/>
                    <a:pt x="2586" y="826"/>
                  </a:cubicBezTo>
                  <a:cubicBezTo>
                    <a:pt x="2577" y="839"/>
                    <a:pt x="2572" y="857"/>
                    <a:pt x="2572" y="881"/>
                  </a:cubicBezTo>
                  <a:cubicBezTo>
                    <a:pt x="2572" y="902"/>
                    <a:pt x="2577" y="919"/>
                    <a:pt x="2586" y="932"/>
                  </a:cubicBezTo>
                  <a:cubicBezTo>
                    <a:pt x="2596" y="945"/>
                    <a:pt x="2609" y="951"/>
                    <a:pt x="2626" y="951"/>
                  </a:cubicBezTo>
                  <a:cubicBezTo>
                    <a:pt x="2642" y="951"/>
                    <a:pt x="2656" y="945"/>
                    <a:pt x="2665" y="932"/>
                  </a:cubicBezTo>
                  <a:cubicBezTo>
                    <a:pt x="2675" y="919"/>
                    <a:pt x="2680" y="900"/>
                    <a:pt x="2680" y="877"/>
                  </a:cubicBezTo>
                  <a:close/>
                  <a:moveTo>
                    <a:pt x="2357" y="861"/>
                  </a:moveTo>
                  <a:cubicBezTo>
                    <a:pt x="2365" y="872"/>
                    <a:pt x="2369" y="885"/>
                    <a:pt x="2369" y="900"/>
                  </a:cubicBezTo>
                  <a:cubicBezTo>
                    <a:pt x="2369" y="923"/>
                    <a:pt x="2362" y="941"/>
                    <a:pt x="2347" y="954"/>
                  </a:cubicBezTo>
                  <a:cubicBezTo>
                    <a:pt x="2332" y="968"/>
                    <a:pt x="2311" y="974"/>
                    <a:pt x="2283" y="974"/>
                  </a:cubicBezTo>
                  <a:cubicBezTo>
                    <a:pt x="2194" y="974"/>
                    <a:pt x="2194" y="974"/>
                    <a:pt x="2194" y="974"/>
                  </a:cubicBezTo>
                  <a:cubicBezTo>
                    <a:pt x="2194" y="717"/>
                    <a:pt x="2194" y="717"/>
                    <a:pt x="2194" y="717"/>
                  </a:cubicBezTo>
                  <a:cubicBezTo>
                    <a:pt x="2278" y="717"/>
                    <a:pt x="2278" y="717"/>
                    <a:pt x="2278" y="717"/>
                  </a:cubicBezTo>
                  <a:cubicBezTo>
                    <a:pt x="2306" y="717"/>
                    <a:pt x="2327" y="723"/>
                    <a:pt x="2341" y="735"/>
                  </a:cubicBezTo>
                  <a:cubicBezTo>
                    <a:pt x="2355" y="746"/>
                    <a:pt x="2362" y="763"/>
                    <a:pt x="2362" y="786"/>
                  </a:cubicBezTo>
                  <a:cubicBezTo>
                    <a:pt x="2362" y="798"/>
                    <a:pt x="2359" y="808"/>
                    <a:pt x="2352" y="818"/>
                  </a:cubicBezTo>
                  <a:cubicBezTo>
                    <a:pt x="2345" y="827"/>
                    <a:pt x="2336" y="834"/>
                    <a:pt x="2324" y="839"/>
                  </a:cubicBezTo>
                  <a:cubicBezTo>
                    <a:pt x="2338" y="843"/>
                    <a:pt x="2349" y="850"/>
                    <a:pt x="2357" y="861"/>
                  </a:cubicBezTo>
                  <a:close/>
                  <a:moveTo>
                    <a:pt x="2228" y="827"/>
                  </a:moveTo>
                  <a:cubicBezTo>
                    <a:pt x="2279" y="827"/>
                    <a:pt x="2279" y="827"/>
                    <a:pt x="2279" y="827"/>
                  </a:cubicBezTo>
                  <a:cubicBezTo>
                    <a:pt x="2294" y="827"/>
                    <a:pt x="2306" y="823"/>
                    <a:pt x="2315" y="816"/>
                  </a:cubicBezTo>
                  <a:cubicBezTo>
                    <a:pt x="2324" y="808"/>
                    <a:pt x="2328" y="798"/>
                    <a:pt x="2328" y="786"/>
                  </a:cubicBezTo>
                  <a:cubicBezTo>
                    <a:pt x="2328" y="771"/>
                    <a:pt x="2324" y="761"/>
                    <a:pt x="2316" y="755"/>
                  </a:cubicBezTo>
                  <a:cubicBezTo>
                    <a:pt x="2308" y="748"/>
                    <a:pt x="2295" y="745"/>
                    <a:pt x="2278" y="745"/>
                  </a:cubicBezTo>
                  <a:cubicBezTo>
                    <a:pt x="2228" y="745"/>
                    <a:pt x="2228" y="745"/>
                    <a:pt x="2228" y="745"/>
                  </a:cubicBezTo>
                  <a:lnTo>
                    <a:pt x="2228" y="827"/>
                  </a:lnTo>
                  <a:close/>
                  <a:moveTo>
                    <a:pt x="2335" y="900"/>
                  </a:moveTo>
                  <a:cubicBezTo>
                    <a:pt x="2335" y="870"/>
                    <a:pt x="2318" y="854"/>
                    <a:pt x="2285" y="854"/>
                  </a:cubicBezTo>
                  <a:cubicBezTo>
                    <a:pt x="2228" y="854"/>
                    <a:pt x="2228" y="854"/>
                    <a:pt x="2228" y="854"/>
                  </a:cubicBezTo>
                  <a:cubicBezTo>
                    <a:pt x="2228" y="947"/>
                    <a:pt x="2228" y="947"/>
                    <a:pt x="2228" y="947"/>
                  </a:cubicBezTo>
                  <a:cubicBezTo>
                    <a:pt x="2284" y="947"/>
                    <a:pt x="2284" y="947"/>
                    <a:pt x="2284" y="947"/>
                  </a:cubicBezTo>
                  <a:cubicBezTo>
                    <a:pt x="2300" y="947"/>
                    <a:pt x="2312" y="942"/>
                    <a:pt x="2321" y="934"/>
                  </a:cubicBezTo>
                  <a:cubicBezTo>
                    <a:pt x="2331" y="926"/>
                    <a:pt x="2335" y="915"/>
                    <a:pt x="2335" y="900"/>
                  </a:cubicBezTo>
                  <a:close/>
                  <a:moveTo>
                    <a:pt x="5730" y="944"/>
                  </a:moveTo>
                  <a:cubicBezTo>
                    <a:pt x="5727" y="940"/>
                    <a:pt x="5725" y="935"/>
                    <a:pt x="5725" y="927"/>
                  </a:cubicBezTo>
                  <a:cubicBezTo>
                    <a:pt x="5725" y="809"/>
                    <a:pt x="5725" y="809"/>
                    <a:pt x="5725" y="809"/>
                  </a:cubicBezTo>
                  <a:cubicBezTo>
                    <a:pt x="5761" y="809"/>
                    <a:pt x="5761" y="809"/>
                    <a:pt x="5761" y="809"/>
                  </a:cubicBezTo>
                  <a:cubicBezTo>
                    <a:pt x="5761" y="783"/>
                    <a:pt x="5761" y="783"/>
                    <a:pt x="5761" y="783"/>
                  </a:cubicBezTo>
                  <a:cubicBezTo>
                    <a:pt x="5725" y="783"/>
                    <a:pt x="5725" y="783"/>
                    <a:pt x="5725" y="783"/>
                  </a:cubicBezTo>
                  <a:cubicBezTo>
                    <a:pt x="5725" y="737"/>
                    <a:pt x="5725" y="737"/>
                    <a:pt x="5725" y="737"/>
                  </a:cubicBezTo>
                  <a:cubicBezTo>
                    <a:pt x="5693" y="737"/>
                    <a:pt x="5693" y="737"/>
                    <a:pt x="5693" y="737"/>
                  </a:cubicBezTo>
                  <a:cubicBezTo>
                    <a:pt x="5693" y="783"/>
                    <a:pt x="5693" y="783"/>
                    <a:pt x="5693" y="783"/>
                  </a:cubicBezTo>
                  <a:cubicBezTo>
                    <a:pt x="5658" y="783"/>
                    <a:pt x="5658" y="783"/>
                    <a:pt x="5658" y="783"/>
                  </a:cubicBezTo>
                  <a:cubicBezTo>
                    <a:pt x="5658" y="809"/>
                    <a:pt x="5658" y="809"/>
                    <a:pt x="5658" y="809"/>
                  </a:cubicBezTo>
                  <a:cubicBezTo>
                    <a:pt x="5693" y="809"/>
                    <a:pt x="5693" y="809"/>
                    <a:pt x="5693" y="809"/>
                  </a:cubicBezTo>
                  <a:cubicBezTo>
                    <a:pt x="5693" y="927"/>
                    <a:pt x="5693" y="927"/>
                    <a:pt x="5693" y="927"/>
                  </a:cubicBezTo>
                  <a:cubicBezTo>
                    <a:pt x="5693" y="943"/>
                    <a:pt x="5696" y="956"/>
                    <a:pt x="5704" y="965"/>
                  </a:cubicBezTo>
                  <a:cubicBezTo>
                    <a:pt x="5711" y="973"/>
                    <a:pt x="5722" y="978"/>
                    <a:pt x="5737" y="978"/>
                  </a:cubicBezTo>
                  <a:cubicBezTo>
                    <a:pt x="5745" y="978"/>
                    <a:pt x="5753" y="977"/>
                    <a:pt x="5762" y="974"/>
                  </a:cubicBezTo>
                  <a:cubicBezTo>
                    <a:pt x="5762" y="948"/>
                    <a:pt x="5762" y="948"/>
                    <a:pt x="5762" y="948"/>
                  </a:cubicBezTo>
                  <a:cubicBezTo>
                    <a:pt x="5755" y="949"/>
                    <a:pt x="5750" y="950"/>
                    <a:pt x="5746" y="950"/>
                  </a:cubicBezTo>
                  <a:cubicBezTo>
                    <a:pt x="5739" y="950"/>
                    <a:pt x="5733" y="948"/>
                    <a:pt x="5730" y="944"/>
                  </a:cubicBezTo>
                  <a:close/>
                  <a:moveTo>
                    <a:pt x="5923" y="922"/>
                  </a:moveTo>
                  <a:cubicBezTo>
                    <a:pt x="5915" y="941"/>
                    <a:pt x="5899" y="950"/>
                    <a:pt x="5874" y="950"/>
                  </a:cubicBezTo>
                  <a:cubicBezTo>
                    <a:pt x="5850" y="950"/>
                    <a:pt x="5838" y="936"/>
                    <a:pt x="5838" y="907"/>
                  </a:cubicBezTo>
                  <a:cubicBezTo>
                    <a:pt x="5838" y="783"/>
                    <a:pt x="5838" y="783"/>
                    <a:pt x="5838" y="783"/>
                  </a:cubicBezTo>
                  <a:cubicBezTo>
                    <a:pt x="5806" y="783"/>
                    <a:pt x="5806" y="783"/>
                    <a:pt x="5806" y="783"/>
                  </a:cubicBezTo>
                  <a:cubicBezTo>
                    <a:pt x="5806" y="908"/>
                    <a:pt x="5806" y="908"/>
                    <a:pt x="5806" y="908"/>
                  </a:cubicBezTo>
                  <a:cubicBezTo>
                    <a:pt x="5806" y="931"/>
                    <a:pt x="5811" y="948"/>
                    <a:pt x="5822" y="960"/>
                  </a:cubicBezTo>
                  <a:cubicBezTo>
                    <a:pt x="5833" y="972"/>
                    <a:pt x="5848" y="978"/>
                    <a:pt x="5868" y="978"/>
                  </a:cubicBezTo>
                  <a:cubicBezTo>
                    <a:pt x="5893" y="978"/>
                    <a:pt x="5912" y="970"/>
                    <a:pt x="5924" y="955"/>
                  </a:cubicBezTo>
                  <a:cubicBezTo>
                    <a:pt x="5925" y="974"/>
                    <a:pt x="5925" y="974"/>
                    <a:pt x="5925" y="974"/>
                  </a:cubicBezTo>
                  <a:cubicBezTo>
                    <a:pt x="5956" y="974"/>
                    <a:pt x="5956" y="974"/>
                    <a:pt x="5956" y="974"/>
                  </a:cubicBezTo>
                  <a:cubicBezTo>
                    <a:pt x="5956" y="783"/>
                    <a:pt x="5956" y="783"/>
                    <a:pt x="5956" y="783"/>
                  </a:cubicBezTo>
                  <a:cubicBezTo>
                    <a:pt x="5923" y="783"/>
                    <a:pt x="5923" y="783"/>
                    <a:pt x="5923" y="783"/>
                  </a:cubicBezTo>
                  <a:lnTo>
                    <a:pt x="5923" y="922"/>
                  </a:lnTo>
                  <a:close/>
                  <a:moveTo>
                    <a:pt x="5575" y="805"/>
                  </a:moveTo>
                  <a:cubicBezTo>
                    <a:pt x="5575" y="783"/>
                    <a:pt x="5575" y="783"/>
                    <a:pt x="5575" y="783"/>
                  </a:cubicBezTo>
                  <a:cubicBezTo>
                    <a:pt x="5543" y="783"/>
                    <a:pt x="5543" y="783"/>
                    <a:pt x="5543" y="783"/>
                  </a:cubicBezTo>
                  <a:cubicBezTo>
                    <a:pt x="5543" y="974"/>
                    <a:pt x="5543" y="974"/>
                    <a:pt x="5543" y="974"/>
                  </a:cubicBezTo>
                  <a:cubicBezTo>
                    <a:pt x="5575" y="974"/>
                    <a:pt x="5575" y="974"/>
                    <a:pt x="5575" y="974"/>
                  </a:cubicBezTo>
                  <a:cubicBezTo>
                    <a:pt x="5575" y="839"/>
                    <a:pt x="5575" y="839"/>
                    <a:pt x="5575" y="839"/>
                  </a:cubicBezTo>
                  <a:cubicBezTo>
                    <a:pt x="5583" y="821"/>
                    <a:pt x="5598" y="811"/>
                    <a:pt x="5619" y="811"/>
                  </a:cubicBezTo>
                  <a:cubicBezTo>
                    <a:pt x="5625" y="811"/>
                    <a:pt x="5630" y="812"/>
                    <a:pt x="5635" y="813"/>
                  </a:cubicBezTo>
                  <a:cubicBezTo>
                    <a:pt x="5635" y="782"/>
                    <a:pt x="5635" y="782"/>
                    <a:pt x="5635" y="782"/>
                  </a:cubicBezTo>
                  <a:cubicBezTo>
                    <a:pt x="5632" y="781"/>
                    <a:pt x="5627" y="780"/>
                    <a:pt x="5621" y="780"/>
                  </a:cubicBezTo>
                  <a:cubicBezTo>
                    <a:pt x="5601" y="780"/>
                    <a:pt x="5586" y="788"/>
                    <a:pt x="5575" y="805"/>
                  </a:cubicBezTo>
                  <a:close/>
                  <a:moveTo>
                    <a:pt x="6158" y="930"/>
                  </a:moveTo>
                  <a:cubicBezTo>
                    <a:pt x="6158" y="947"/>
                    <a:pt x="6160" y="961"/>
                    <a:pt x="6165" y="971"/>
                  </a:cubicBezTo>
                  <a:cubicBezTo>
                    <a:pt x="6165" y="974"/>
                    <a:pt x="6165" y="974"/>
                    <a:pt x="6165" y="974"/>
                  </a:cubicBezTo>
                  <a:cubicBezTo>
                    <a:pt x="6131" y="974"/>
                    <a:pt x="6131" y="974"/>
                    <a:pt x="6131" y="974"/>
                  </a:cubicBezTo>
                  <a:cubicBezTo>
                    <a:pt x="6129" y="970"/>
                    <a:pt x="6127" y="964"/>
                    <a:pt x="6126" y="954"/>
                  </a:cubicBezTo>
                  <a:cubicBezTo>
                    <a:pt x="6111" y="970"/>
                    <a:pt x="6093" y="978"/>
                    <a:pt x="6072" y="978"/>
                  </a:cubicBezTo>
                  <a:cubicBezTo>
                    <a:pt x="6053" y="978"/>
                    <a:pt x="6037" y="972"/>
                    <a:pt x="6025" y="962"/>
                  </a:cubicBezTo>
                  <a:cubicBezTo>
                    <a:pt x="6013" y="951"/>
                    <a:pt x="6007" y="938"/>
                    <a:pt x="6007" y="921"/>
                  </a:cubicBezTo>
                  <a:cubicBezTo>
                    <a:pt x="6007" y="901"/>
                    <a:pt x="6015" y="886"/>
                    <a:pt x="6030" y="875"/>
                  </a:cubicBezTo>
                  <a:cubicBezTo>
                    <a:pt x="6045" y="864"/>
                    <a:pt x="6066" y="858"/>
                    <a:pt x="6094" y="858"/>
                  </a:cubicBezTo>
                  <a:cubicBezTo>
                    <a:pt x="6125" y="858"/>
                    <a:pt x="6125" y="858"/>
                    <a:pt x="6125" y="858"/>
                  </a:cubicBezTo>
                  <a:cubicBezTo>
                    <a:pt x="6125" y="844"/>
                    <a:pt x="6125" y="844"/>
                    <a:pt x="6125" y="844"/>
                  </a:cubicBezTo>
                  <a:cubicBezTo>
                    <a:pt x="6125" y="832"/>
                    <a:pt x="6122" y="823"/>
                    <a:pt x="6115" y="816"/>
                  </a:cubicBezTo>
                  <a:cubicBezTo>
                    <a:pt x="6108" y="809"/>
                    <a:pt x="6098" y="806"/>
                    <a:pt x="6085" y="806"/>
                  </a:cubicBezTo>
                  <a:cubicBezTo>
                    <a:pt x="6073" y="806"/>
                    <a:pt x="6064" y="809"/>
                    <a:pt x="6056" y="815"/>
                  </a:cubicBezTo>
                  <a:cubicBezTo>
                    <a:pt x="6048" y="821"/>
                    <a:pt x="6044" y="828"/>
                    <a:pt x="6044" y="836"/>
                  </a:cubicBezTo>
                  <a:cubicBezTo>
                    <a:pt x="6011" y="836"/>
                    <a:pt x="6011" y="836"/>
                    <a:pt x="6011" y="836"/>
                  </a:cubicBezTo>
                  <a:cubicBezTo>
                    <a:pt x="6011" y="827"/>
                    <a:pt x="6015" y="818"/>
                    <a:pt x="6021" y="809"/>
                  </a:cubicBezTo>
                  <a:cubicBezTo>
                    <a:pt x="6028" y="800"/>
                    <a:pt x="6037" y="793"/>
                    <a:pt x="6049" y="788"/>
                  </a:cubicBezTo>
                  <a:cubicBezTo>
                    <a:pt x="6060" y="782"/>
                    <a:pt x="6073" y="780"/>
                    <a:pt x="6087" y="780"/>
                  </a:cubicBezTo>
                  <a:cubicBezTo>
                    <a:pt x="6109" y="780"/>
                    <a:pt x="6126" y="785"/>
                    <a:pt x="6139" y="796"/>
                  </a:cubicBezTo>
                  <a:cubicBezTo>
                    <a:pt x="6151" y="807"/>
                    <a:pt x="6158" y="822"/>
                    <a:pt x="6158" y="842"/>
                  </a:cubicBezTo>
                  <a:lnTo>
                    <a:pt x="6158" y="930"/>
                  </a:lnTo>
                  <a:close/>
                  <a:moveTo>
                    <a:pt x="6125" y="882"/>
                  </a:moveTo>
                  <a:cubicBezTo>
                    <a:pt x="6100" y="882"/>
                    <a:pt x="6100" y="882"/>
                    <a:pt x="6100" y="882"/>
                  </a:cubicBezTo>
                  <a:cubicBezTo>
                    <a:pt x="6060" y="882"/>
                    <a:pt x="6040" y="893"/>
                    <a:pt x="6040" y="917"/>
                  </a:cubicBezTo>
                  <a:cubicBezTo>
                    <a:pt x="6040" y="927"/>
                    <a:pt x="6043" y="935"/>
                    <a:pt x="6050" y="941"/>
                  </a:cubicBezTo>
                  <a:cubicBezTo>
                    <a:pt x="6057" y="946"/>
                    <a:pt x="6066" y="949"/>
                    <a:pt x="6076" y="949"/>
                  </a:cubicBezTo>
                  <a:cubicBezTo>
                    <a:pt x="6087" y="949"/>
                    <a:pt x="6096" y="947"/>
                    <a:pt x="6106" y="941"/>
                  </a:cubicBezTo>
                  <a:cubicBezTo>
                    <a:pt x="6115" y="936"/>
                    <a:pt x="6121" y="929"/>
                    <a:pt x="6125" y="921"/>
                  </a:cubicBezTo>
                  <a:lnTo>
                    <a:pt x="6125" y="882"/>
                  </a:lnTo>
                  <a:close/>
                  <a:moveTo>
                    <a:pt x="5451" y="974"/>
                  </a:moveTo>
                  <a:cubicBezTo>
                    <a:pt x="5483" y="974"/>
                    <a:pt x="5483" y="974"/>
                    <a:pt x="5483" y="974"/>
                  </a:cubicBezTo>
                  <a:cubicBezTo>
                    <a:pt x="5483" y="783"/>
                    <a:pt x="5483" y="783"/>
                    <a:pt x="5483" y="783"/>
                  </a:cubicBezTo>
                  <a:cubicBezTo>
                    <a:pt x="5451" y="783"/>
                    <a:pt x="5451" y="783"/>
                    <a:pt x="5451" y="783"/>
                  </a:cubicBezTo>
                  <a:lnTo>
                    <a:pt x="5451" y="974"/>
                  </a:lnTo>
                  <a:close/>
                  <a:moveTo>
                    <a:pt x="6219" y="974"/>
                  </a:moveTo>
                  <a:cubicBezTo>
                    <a:pt x="6252" y="974"/>
                    <a:pt x="6252" y="974"/>
                    <a:pt x="6252" y="974"/>
                  </a:cubicBezTo>
                  <a:cubicBezTo>
                    <a:pt x="6252" y="703"/>
                    <a:pt x="6252" y="703"/>
                    <a:pt x="6252" y="703"/>
                  </a:cubicBezTo>
                  <a:cubicBezTo>
                    <a:pt x="6219" y="703"/>
                    <a:pt x="6219" y="703"/>
                    <a:pt x="6219" y="703"/>
                  </a:cubicBezTo>
                  <a:lnTo>
                    <a:pt x="6219" y="974"/>
                  </a:lnTo>
                  <a:close/>
                  <a:moveTo>
                    <a:pt x="5467" y="714"/>
                  </a:moveTo>
                  <a:cubicBezTo>
                    <a:pt x="5461" y="714"/>
                    <a:pt x="5456" y="716"/>
                    <a:pt x="5453" y="719"/>
                  </a:cubicBezTo>
                  <a:cubicBezTo>
                    <a:pt x="5450" y="723"/>
                    <a:pt x="5448" y="727"/>
                    <a:pt x="5448" y="733"/>
                  </a:cubicBezTo>
                  <a:cubicBezTo>
                    <a:pt x="5448" y="738"/>
                    <a:pt x="5450" y="742"/>
                    <a:pt x="5453" y="746"/>
                  </a:cubicBezTo>
                  <a:cubicBezTo>
                    <a:pt x="5456" y="749"/>
                    <a:pt x="5461" y="751"/>
                    <a:pt x="5467" y="751"/>
                  </a:cubicBezTo>
                  <a:cubicBezTo>
                    <a:pt x="5474" y="751"/>
                    <a:pt x="5478" y="749"/>
                    <a:pt x="5482" y="746"/>
                  </a:cubicBezTo>
                  <a:cubicBezTo>
                    <a:pt x="5485" y="742"/>
                    <a:pt x="5487" y="738"/>
                    <a:pt x="5487" y="733"/>
                  </a:cubicBezTo>
                  <a:cubicBezTo>
                    <a:pt x="5487" y="727"/>
                    <a:pt x="5485" y="723"/>
                    <a:pt x="5482" y="719"/>
                  </a:cubicBezTo>
                  <a:cubicBezTo>
                    <a:pt x="5478" y="716"/>
                    <a:pt x="5474" y="714"/>
                    <a:pt x="5467" y="714"/>
                  </a:cubicBezTo>
                  <a:close/>
                  <a:moveTo>
                    <a:pt x="2878" y="922"/>
                  </a:moveTo>
                  <a:cubicBezTo>
                    <a:pt x="2869" y="941"/>
                    <a:pt x="2853" y="950"/>
                    <a:pt x="2828" y="950"/>
                  </a:cubicBezTo>
                  <a:cubicBezTo>
                    <a:pt x="2804" y="950"/>
                    <a:pt x="2793" y="936"/>
                    <a:pt x="2793" y="907"/>
                  </a:cubicBezTo>
                  <a:cubicBezTo>
                    <a:pt x="2793" y="783"/>
                    <a:pt x="2793" y="783"/>
                    <a:pt x="2793" y="783"/>
                  </a:cubicBezTo>
                  <a:cubicBezTo>
                    <a:pt x="2760" y="783"/>
                    <a:pt x="2760" y="783"/>
                    <a:pt x="2760" y="783"/>
                  </a:cubicBezTo>
                  <a:cubicBezTo>
                    <a:pt x="2760" y="908"/>
                    <a:pt x="2760" y="908"/>
                    <a:pt x="2760" y="908"/>
                  </a:cubicBezTo>
                  <a:cubicBezTo>
                    <a:pt x="2760" y="931"/>
                    <a:pt x="2765" y="948"/>
                    <a:pt x="2776" y="960"/>
                  </a:cubicBezTo>
                  <a:cubicBezTo>
                    <a:pt x="2787" y="972"/>
                    <a:pt x="2802" y="978"/>
                    <a:pt x="2823" y="978"/>
                  </a:cubicBezTo>
                  <a:cubicBezTo>
                    <a:pt x="2847" y="978"/>
                    <a:pt x="2866" y="970"/>
                    <a:pt x="2878" y="955"/>
                  </a:cubicBezTo>
                  <a:cubicBezTo>
                    <a:pt x="2879" y="974"/>
                    <a:pt x="2879" y="974"/>
                    <a:pt x="2879" y="974"/>
                  </a:cubicBezTo>
                  <a:cubicBezTo>
                    <a:pt x="2910" y="974"/>
                    <a:pt x="2910" y="974"/>
                    <a:pt x="2910" y="974"/>
                  </a:cubicBezTo>
                  <a:cubicBezTo>
                    <a:pt x="2910" y="783"/>
                    <a:pt x="2910" y="783"/>
                    <a:pt x="2910" y="783"/>
                  </a:cubicBezTo>
                  <a:cubicBezTo>
                    <a:pt x="2878" y="783"/>
                    <a:pt x="2878" y="783"/>
                    <a:pt x="2878" y="783"/>
                  </a:cubicBezTo>
                  <a:lnTo>
                    <a:pt x="2878" y="922"/>
                  </a:lnTo>
                  <a:close/>
                  <a:moveTo>
                    <a:pt x="7050" y="974"/>
                  </a:moveTo>
                  <a:cubicBezTo>
                    <a:pt x="7083" y="974"/>
                    <a:pt x="7083" y="974"/>
                    <a:pt x="7083" y="974"/>
                  </a:cubicBezTo>
                  <a:cubicBezTo>
                    <a:pt x="7083" y="703"/>
                    <a:pt x="7083" y="703"/>
                    <a:pt x="7083" y="703"/>
                  </a:cubicBezTo>
                  <a:cubicBezTo>
                    <a:pt x="7050" y="703"/>
                    <a:pt x="7050" y="703"/>
                    <a:pt x="7050" y="703"/>
                  </a:cubicBezTo>
                  <a:lnTo>
                    <a:pt x="7050" y="974"/>
                  </a:lnTo>
                  <a:close/>
                  <a:moveTo>
                    <a:pt x="6958" y="922"/>
                  </a:moveTo>
                  <a:cubicBezTo>
                    <a:pt x="6950" y="941"/>
                    <a:pt x="6933" y="950"/>
                    <a:pt x="6908" y="950"/>
                  </a:cubicBezTo>
                  <a:cubicBezTo>
                    <a:pt x="6885" y="950"/>
                    <a:pt x="6873" y="936"/>
                    <a:pt x="6873" y="907"/>
                  </a:cubicBezTo>
                  <a:cubicBezTo>
                    <a:pt x="6873" y="783"/>
                    <a:pt x="6873" y="783"/>
                    <a:pt x="6873" y="783"/>
                  </a:cubicBezTo>
                  <a:cubicBezTo>
                    <a:pt x="6840" y="783"/>
                    <a:pt x="6840" y="783"/>
                    <a:pt x="6840" y="783"/>
                  </a:cubicBezTo>
                  <a:cubicBezTo>
                    <a:pt x="6840" y="908"/>
                    <a:pt x="6840" y="908"/>
                    <a:pt x="6840" y="908"/>
                  </a:cubicBezTo>
                  <a:cubicBezTo>
                    <a:pt x="6840" y="931"/>
                    <a:pt x="6846" y="948"/>
                    <a:pt x="6856" y="960"/>
                  </a:cubicBezTo>
                  <a:cubicBezTo>
                    <a:pt x="6867" y="972"/>
                    <a:pt x="6882" y="978"/>
                    <a:pt x="6903" y="978"/>
                  </a:cubicBezTo>
                  <a:cubicBezTo>
                    <a:pt x="6927" y="978"/>
                    <a:pt x="6946" y="970"/>
                    <a:pt x="6959" y="955"/>
                  </a:cubicBezTo>
                  <a:cubicBezTo>
                    <a:pt x="6959" y="974"/>
                    <a:pt x="6959" y="974"/>
                    <a:pt x="6959" y="974"/>
                  </a:cubicBezTo>
                  <a:cubicBezTo>
                    <a:pt x="6990" y="974"/>
                    <a:pt x="6990" y="974"/>
                    <a:pt x="6990" y="974"/>
                  </a:cubicBezTo>
                  <a:cubicBezTo>
                    <a:pt x="6990" y="783"/>
                    <a:pt x="6990" y="783"/>
                    <a:pt x="6990" y="783"/>
                  </a:cubicBezTo>
                  <a:cubicBezTo>
                    <a:pt x="6958" y="783"/>
                    <a:pt x="6958" y="783"/>
                    <a:pt x="6958" y="783"/>
                  </a:cubicBezTo>
                  <a:lnTo>
                    <a:pt x="6958" y="922"/>
                  </a:lnTo>
                  <a:close/>
                  <a:moveTo>
                    <a:pt x="5301" y="929"/>
                  </a:moveTo>
                  <a:cubicBezTo>
                    <a:pt x="5228" y="717"/>
                    <a:pt x="5228" y="717"/>
                    <a:pt x="5228" y="717"/>
                  </a:cubicBezTo>
                  <a:cubicBezTo>
                    <a:pt x="5191" y="717"/>
                    <a:pt x="5191" y="717"/>
                    <a:pt x="5191" y="717"/>
                  </a:cubicBezTo>
                  <a:cubicBezTo>
                    <a:pt x="5286" y="974"/>
                    <a:pt x="5286" y="974"/>
                    <a:pt x="5286" y="974"/>
                  </a:cubicBezTo>
                  <a:cubicBezTo>
                    <a:pt x="5316" y="974"/>
                    <a:pt x="5316" y="974"/>
                    <a:pt x="5316" y="974"/>
                  </a:cubicBezTo>
                  <a:cubicBezTo>
                    <a:pt x="5411" y="717"/>
                    <a:pt x="5411" y="717"/>
                    <a:pt x="5411" y="717"/>
                  </a:cubicBezTo>
                  <a:cubicBezTo>
                    <a:pt x="5374" y="717"/>
                    <a:pt x="5374" y="717"/>
                    <a:pt x="5374" y="717"/>
                  </a:cubicBezTo>
                  <a:lnTo>
                    <a:pt x="5301" y="929"/>
                  </a:lnTo>
                  <a:close/>
                  <a:moveTo>
                    <a:pt x="7191" y="944"/>
                  </a:moveTo>
                  <a:cubicBezTo>
                    <a:pt x="7188" y="940"/>
                    <a:pt x="7186" y="935"/>
                    <a:pt x="7186" y="927"/>
                  </a:cubicBezTo>
                  <a:cubicBezTo>
                    <a:pt x="7186" y="809"/>
                    <a:pt x="7186" y="809"/>
                    <a:pt x="7186" y="809"/>
                  </a:cubicBezTo>
                  <a:cubicBezTo>
                    <a:pt x="7222" y="809"/>
                    <a:pt x="7222" y="809"/>
                    <a:pt x="7222" y="809"/>
                  </a:cubicBezTo>
                  <a:cubicBezTo>
                    <a:pt x="7222" y="783"/>
                    <a:pt x="7222" y="783"/>
                    <a:pt x="7222" y="783"/>
                  </a:cubicBezTo>
                  <a:cubicBezTo>
                    <a:pt x="7186" y="783"/>
                    <a:pt x="7186" y="783"/>
                    <a:pt x="7186" y="783"/>
                  </a:cubicBezTo>
                  <a:cubicBezTo>
                    <a:pt x="7186" y="737"/>
                    <a:pt x="7186" y="737"/>
                    <a:pt x="7186" y="737"/>
                  </a:cubicBezTo>
                  <a:cubicBezTo>
                    <a:pt x="7154" y="737"/>
                    <a:pt x="7154" y="737"/>
                    <a:pt x="7154" y="737"/>
                  </a:cubicBezTo>
                  <a:cubicBezTo>
                    <a:pt x="7154" y="783"/>
                    <a:pt x="7154" y="783"/>
                    <a:pt x="7154" y="783"/>
                  </a:cubicBezTo>
                  <a:cubicBezTo>
                    <a:pt x="7119" y="783"/>
                    <a:pt x="7119" y="783"/>
                    <a:pt x="7119" y="783"/>
                  </a:cubicBezTo>
                  <a:cubicBezTo>
                    <a:pt x="7119" y="809"/>
                    <a:pt x="7119" y="809"/>
                    <a:pt x="7119" y="809"/>
                  </a:cubicBezTo>
                  <a:cubicBezTo>
                    <a:pt x="7154" y="809"/>
                    <a:pt x="7154" y="809"/>
                    <a:pt x="7154" y="809"/>
                  </a:cubicBezTo>
                  <a:cubicBezTo>
                    <a:pt x="7154" y="927"/>
                    <a:pt x="7154" y="927"/>
                    <a:pt x="7154" y="927"/>
                  </a:cubicBezTo>
                  <a:cubicBezTo>
                    <a:pt x="7154" y="943"/>
                    <a:pt x="7158" y="956"/>
                    <a:pt x="7165" y="965"/>
                  </a:cubicBezTo>
                  <a:cubicBezTo>
                    <a:pt x="7172" y="973"/>
                    <a:pt x="7183" y="978"/>
                    <a:pt x="7198" y="978"/>
                  </a:cubicBezTo>
                  <a:cubicBezTo>
                    <a:pt x="7206" y="978"/>
                    <a:pt x="7214" y="977"/>
                    <a:pt x="7223" y="974"/>
                  </a:cubicBezTo>
                  <a:cubicBezTo>
                    <a:pt x="7223" y="948"/>
                    <a:pt x="7223" y="948"/>
                    <a:pt x="7223" y="948"/>
                  </a:cubicBezTo>
                  <a:cubicBezTo>
                    <a:pt x="7216" y="949"/>
                    <a:pt x="7211" y="950"/>
                    <a:pt x="7207" y="950"/>
                  </a:cubicBezTo>
                  <a:cubicBezTo>
                    <a:pt x="7200" y="950"/>
                    <a:pt x="7194" y="948"/>
                    <a:pt x="7191" y="944"/>
                  </a:cubicBezTo>
                  <a:close/>
                  <a:moveTo>
                    <a:pt x="6498" y="929"/>
                  </a:moveTo>
                  <a:cubicBezTo>
                    <a:pt x="6425" y="717"/>
                    <a:pt x="6425" y="717"/>
                    <a:pt x="6425" y="717"/>
                  </a:cubicBezTo>
                  <a:cubicBezTo>
                    <a:pt x="6388" y="717"/>
                    <a:pt x="6388" y="717"/>
                    <a:pt x="6388" y="717"/>
                  </a:cubicBezTo>
                  <a:cubicBezTo>
                    <a:pt x="6483" y="974"/>
                    <a:pt x="6483" y="974"/>
                    <a:pt x="6483" y="974"/>
                  </a:cubicBezTo>
                  <a:cubicBezTo>
                    <a:pt x="6513" y="974"/>
                    <a:pt x="6513" y="974"/>
                    <a:pt x="6513" y="974"/>
                  </a:cubicBezTo>
                  <a:cubicBezTo>
                    <a:pt x="6609" y="717"/>
                    <a:pt x="6609" y="717"/>
                    <a:pt x="6609" y="717"/>
                  </a:cubicBezTo>
                  <a:cubicBezTo>
                    <a:pt x="6572" y="717"/>
                    <a:pt x="6572" y="717"/>
                    <a:pt x="6572" y="717"/>
                  </a:cubicBezTo>
                  <a:lnTo>
                    <a:pt x="6498" y="929"/>
                  </a:lnTo>
                  <a:close/>
                  <a:moveTo>
                    <a:pt x="6782" y="930"/>
                  </a:moveTo>
                  <a:cubicBezTo>
                    <a:pt x="6782" y="947"/>
                    <a:pt x="6785" y="961"/>
                    <a:pt x="6789" y="971"/>
                  </a:cubicBezTo>
                  <a:cubicBezTo>
                    <a:pt x="6789" y="974"/>
                    <a:pt x="6789" y="974"/>
                    <a:pt x="6789" y="974"/>
                  </a:cubicBezTo>
                  <a:cubicBezTo>
                    <a:pt x="6755" y="974"/>
                    <a:pt x="6755" y="974"/>
                    <a:pt x="6755" y="974"/>
                  </a:cubicBezTo>
                  <a:cubicBezTo>
                    <a:pt x="6753" y="970"/>
                    <a:pt x="6752" y="964"/>
                    <a:pt x="6750" y="954"/>
                  </a:cubicBezTo>
                  <a:cubicBezTo>
                    <a:pt x="6735" y="970"/>
                    <a:pt x="6717" y="978"/>
                    <a:pt x="6696" y="978"/>
                  </a:cubicBezTo>
                  <a:cubicBezTo>
                    <a:pt x="6677" y="978"/>
                    <a:pt x="6662" y="972"/>
                    <a:pt x="6650" y="962"/>
                  </a:cubicBezTo>
                  <a:cubicBezTo>
                    <a:pt x="6638" y="951"/>
                    <a:pt x="6632" y="938"/>
                    <a:pt x="6632" y="921"/>
                  </a:cubicBezTo>
                  <a:cubicBezTo>
                    <a:pt x="6632" y="901"/>
                    <a:pt x="6639" y="886"/>
                    <a:pt x="6654" y="875"/>
                  </a:cubicBezTo>
                  <a:cubicBezTo>
                    <a:pt x="6669" y="864"/>
                    <a:pt x="6691" y="858"/>
                    <a:pt x="6718" y="858"/>
                  </a:cubicBezTo>
                  <a:cubicBezTo>
                    <a:pt x="6750" y="858"/>
                    <a:pt x="6750" y="858"/>
                    <a:pt x="6750" y="858"/>
                  </a:cubicBezTo>
                  <a:cubicBezTo>
                    <a:pt x="6750" y="844"/>
                    <a:pt x="6750" y="844"/>
                    <a:pt x="6750" y="844"/>
                  </a:cubicBezTo>
                  <a:cubicBezTo>
                    <a:pt x="6750" y="832"/>
                    <a:pt x="6746" y="823"/>
                    <a:pt x="6740" y="816"/>
                  </a:cubicBezTo>
                  <a:cubicBezTo>
                    <a:pt x="6733" y="809"/>
                    <a:pt x="6723" y="806"/>
                    <a:pt x="6709" y="806"/>
                  </a:cubicBezTo>
                  <a:cubicBezTo>
                    <a:pt x="6698" y="806"/>
                    <a:pt x="6688" y="809"/>
                    <a:pt x="6680" y="815"/>
                  </a:cubicBezTo>
                  <a:cubicBezTo>
                    <a:pt x="6672" y="821"/>
                    <a:pt x="6668" y="828"/>
                    <a:pt x="6668" y="836"/>
                  </a:cubicBezTo>
                  <a:cubicBezTo>
                    <a:pt x="6636" y="836"/>
                    <a:pt x="6636" y="836"/>
                    <a:pt x="6636" y="836"/>
                  </a:cubicBezTo>
                  <a:cubicBezTo>
                    <a:pt x="6636" y="827"/>
                    <a:pt x="6639" y="818"/>
                    <a:pt x="6646" y="809"/>
                  </a:cubicBezTo>
                  <a:cubicBezTo>
                    <a:pt x="6652" y="800"/>
                    <a:pt x="6662" y="793"/>
                    <a:pt x="6673" y="788"/>
                  </a:cubicBezTo>
                  <a:cubicBezTo>
                    <a:pt x="6685" y="782"/>
                    <a:pt x="6698" y="780"/>
                    <a:pt x="6711" y="780"/>
                  </a:cubicBezTo>
                  <a:cubicBezTo>
                    <a:pt x="6733" y="780"/>
                    <a:pt x="6751" y="785"/>
                    <a:pt x="6763" y="796"/>
                  </a:cubicBezTo>
                  <a:cubicBezTo>
                    <a:pt x="6776" y="807"/>
                    <a:pt x="6782" y="822"/>
                    <a:pt x="6782" y="842"/>
                  </a:cubicBezTo>
                  <a:lnTo>
                    <a:pt x="6782" y="930"/>
                  </a:lnTo>
                  <a:close/>
                  <a:moveTo>
                    <a:pt x="6750" y="882"/>
                  </a:moveTo>
                  <a:cubicBezTo>
                    <a:pt x="6724" y="882"/>
                    <a:pt x="6724" y="882"/>
                    <a:pt x="6724" y="882"/>
                  </a:cubicBezTo>
                  <a:cubicBezTo>
                    <a:pt x="6684" y="882"/>
                    <a:pt x="6664" y="893"/>
                    <a:pt x="6664" y="917"/>
                  </a:cubicBezTo>
                  <a:cubicBezTo>
                    <a:pt x="6664" y="927"/>
                    <a:pt x="6668" y="935"/>
                    <a:pt x="6675" y="941"/>
                  </a:cubicBezTo>
                  <a:cubicBezTo>
                    <a:pt x="6681" y="946"/>
                    <a:pt x="6690" y="949"/>
                    <a:pt x="6701" y="949"/>
                  </a:cubicBezTo>
                  <a:cubicBezTo>
                    <a:pt x="6711" y="949"/>
                    <a:pt x="6721" y="947"/>
                    <a:pt x="6730" y="941"/>
                  </a:cubicBezTo>
                  <a:cubicBezTo>
                    <a:pt x="6739" y="936"/>
                    <a:pt x="6746" y="929"/>
                    <a:pt x="6750" y="921"/>
                  </a:cubicBezTo>
                  <a:lnTo>
                    <a:pt x="6750" y="882"/>
                  </a:lnTo>
                  <a:close/>
                  <a:moveTo>
                    <a:pt x="3432" y="944"/>
                  </a:moveTo>
                  <a:cubicBezTo>
                    <a:pt x="3429" y="940"/>
                    <a:pt x="3427" y="935"/>
                    <a:pt x="3427" y="927"/>
                  </a:cubicBezTo>
                  <a:cubicBezTo>
                    <a:pt x="3427" y="809"/>
                    <a:pt x="3427" y="809"/>
                    <a:pt x="3427" y="809"/>
                  </a:cubicBezTo>
                  <a:cubicBezTo>
                    <a:pt x="3463" y="809"/>
                    <a:pt x="3463" y="809"/>
                    <a:pt x="3463" y="809"/>
                  </a:cubicBezTo>
                  <a:cubicBezTo>
                    <a:pt x="3463" y="783"/>
                    <a:pt x="3463" y="783"/>
                    <a:pt x="3463" y="783"/>
                  </a:cubicBezTo>
                  <a:cubicBezTo>
                    <a:pt x="3427" y="783"/>
                    <a:pt x="3427" y="783"/>
                    <a:pt x="3427" y="783"/>
                  </a:cubicBezTo>
                  <a:cubicBezTo>
                    <a:pt x="3427" y="737"/>
                    <a:pt x="3427" y="737"/>
                    <a:pt x="3427" y="737"/>
                  </a:cubicBezTo>
                  <a:cubicBezTo>
                    <a:pt x="3395" y="737"/>
                    <a:pt x="3395" y="737"/>
                    <a:pt x="3395" y="737"/>
                  </a:cubicBezTo>
                  <a:cubicBezTo>
                    <a:pt x="3395" y="783"/>
                    <a:pt x="3395" y="783"/>
                    <a:pt x="3395" y="783"/>
                  </a:cubicBezTo>
                  <a:cubicBezTo>
                    <a:pt x="3360" y="783"/>
                    <a:pt x="3360" y="783"/>
                    <a:pt x="3360" y="783"/>
                  </a:cubicBezTo>
                  <a:cubicBezTo>
                    <a:pt x="3360" y="809"/>
                    <a:pt x="3360" y="809"/>
                    <a:pt x="3360" y="809"/>
                  </a:cubicBezTo>
                  <a:cubicBezTo>
                    <a:pt x="3395" y="809"/>
                    <a:pt x="3395" y="809"/>
                    <a:pt x="3395" y="809"/>
                  </a:cubicBezTo>
                  <a:cubicBezTo>
                    <a:pt x="3395" y="927"/>
                    <a:pt x="3395" y="927"/>
                    <a:pt x="3395" y="927"/>
                  </a:cubicBezTo>
                  <a:cubicBezTo>
                    <a:pt x="3395" y="943"/>
                    <a:pt x="3398" y="956"/>
                    <a:pt x="3406" y="965"/>
                  </a:cubicBezTo>
                  <a:cubicBezTo>
                    <a:pt x="3413" y="973"/>
                    <a:pt x="3424" y="978"/>
                    <a:pt x="3439" y="978"/>
                  </a:cubicBezTo>
                  <a:cubicBezTo>
                    <a:pt x="3447" y="978"/>
                    <a:pt x="3455" y="977"/>
                    <a:pt x="3464" y="974"/>
                  </a:cubicBezTo>
                  <a:cubicBezTo>
                    <a:pt x="3464" y="948"/>
                    <a:pt x="3464" y="948"/>
                    <a:pt x="3464" y="948"/>
                  </a:cubicBezTo>
                  <a:cubicBezTo>
                    <a:pt x="3457" y="949"/>
                    <a:pt x="3452" y="950"/>
                    <a:pt x="3448" y="950"/>
                  </a:cubicBezTo>
                  <a:cubicBezTo>
                    <a:pt x="3441" y="950"/>
                    <a:pt x="3435" y="948"/>
                    <a:pt x="3432" y="944"/>
                  </a:cubicBezTo>
                  <a:close/>
                  <a:moveTo>
                    <a:pt x="3654" y="944"/>
                  </a:moveTo>
                  <a:cubicBezTo>
                    <a:pt x="3651" y="940"/>
                    <a:pt x="3649" y="935"/>
                    <a:pt x="3649" y="927"/>
                  </a:cubicBezTo>
                  <a:cubicBezTo>
                    <a:pt x="3649" y="809"/>
                    <a:pt x="3649" y="809"/>
                    <a:pt x="3649" y="809"/>
                  </a:cubicBezTo>
                  <a:cubicBezTo>
                    <a:pt x="3685" y="809"/>
                    <a:pt x="3685" y="809"/>
                    <a:pt x="3685" y="809"/>
                  </a:cubicBezTo>
                  <a:cubicBezTo>
                    <a:pt x="3685" y="783"/>
                    <a:pt x="3685" y="783"/>
                    <a:pt x="3685" y="783"/>
                  </a:cubicBezTo>
                  <a:cubicBezTo>
                    <a:pt x="3649" y="783"/>
                    <a:pt x="3649" y="783"/>
                    <a:pt x="3649" y="783"/>
                  </a:cubicBezTo>
                  <a:cubicBezTo>
                    <a:pt x="3649" y="737"/>
                    <a:pt x="3649" y="737"/>
                    <a:pt x="3649" y="737"/>
                  </a:cubicBezTo>
                  <a:cubicBezTo>
                    <a:pt x="3617" y="737"/>
                    <a:pt x="3617" y="737"/>
                    <a:pt x="3617" y="737"/>
                  </a:cubicBezTo>
                  <a:cubicBezTo>
                    <a:pt x="3617" y="783"/>
                    <a:pt x="3617" y="783"/>
                    <a:pt x="3617" y="783"/>
                  </a:cubicBezTo>
                  <a:cubicBezTo>
                    <a:pt x="3582" y="783"/>
                    <a:pt x="3582" y="783"/>
                    <a:pt x="3582" y="783"/>
                  </a:cubicBezTo>
                  <a:cubicBezTo>
                    <a:pt x="3582" y="809"/>
                    <a:pt x="3582" y="809"/>
                    <a:pt x="3582" y="809"/>
                  </a:cubicBezTo>
                  <a:cubicBezTo>
                    <a:pt x="3617" y="809"/>
                    <a:pt x="3617" y="809"/>
                    <a:pt x="3617" y="809"/>
                  </a:cubicBezTo>
                  <a:cubicBezTo>
                    <a:pt x="3617" y="927"/>
                    <a:pt x="3617" y="927"/>
                    <a:pt x="3617" y="927"/>
                  </a:cubicBezTo>
                  <a:cubicBezTo>
                    <a:pt x="3617" y="943"/>
                    <a:pt x="3620" y="956"/>
                    <a:pt x="3628" y="965"/>
                  </a:cubicBezTo>
                  <a:cubicBezTo>
                    <a:pt x="3635" y="973"/>
                    <a:pt x="3646" y="978"/>
                    <a:pt x="3661" y="978"/>
                  </a:cubicBezTo>
                  <a:cubicBezTo>
                    <a:pt x="3669" y="978"/>
                    <a:pt x="3677" y="977"/>
                    <a:pt x="3686" y="974"/>
                  </a:cubicBezTo>
                  <a:cubicBezTo>
                    <a:pt x="3686" y="948"/>
                    <a:pt x="3686" y="948"/>
                    <a:pt x="3686" y="948"/>
                  </a:cubicBezTo>
                  <a:cubicBezTo>
                    <a:pt x="3679" y="949"/>
                    <a:pt x="3674" y="950"/>
                    <a:pt x="3670" y="950"/>
                  </a:cubicBezTo>
                  <a:cubicBezTo>
                    <a:pt x="3663" y="950"/>
                    <a:pt x="3657" y="948"/>
                    <a:pt x="3654" y="944"/>
                  </a:cubicBezTo>
                  <a:close/>
                  <a:moveTo>
                    <a:pt x="4999" y="926"/>
                  </a:moveTo>
                  <a:cubicBezTo>
                    <a:pt x="4951" y="783"/>
                    <a:pt x="4951" y="783"/>
                    <a:pt x="4951" y="783"/>
                  </a:cubicBezTo>
                  <a:cubicBezTo>
                    <a:pt x="4915" y="783"/>
                    <a:pt x="4915" y="783"/>
                    <a:pt x="4915" y="783"/>
                  </a:cubicBezTo>
                  <a:cubicBezTo>
                    <a:pt x="4983" y="972"/>
                    <a:pt x="4983" y="972"/>
                    <a:pt x="4983" y="972"/>
                  </a:cubicBezTo>
                  <a:cubicBezTo>
                    <a:pt x="4976" y="992"/>
                    <a:pt x="4976" y="992"/>
                    <a:pt x="4976" y="992"/>
                  </a:cubicBezTo>
                  <a:cubicBezTo>
                    <a:pt x="4972" y="1003"/>
                    <a:pt x="4967" y="1012"/>
                    <a:pt x="4961" y="1016"/>
                  </a:cubicBezTo>
                  <a:cubicBezTo>
                    <a:pt x="4955" y="1020"/>
                    <a:pt x="4946" y="1023"/>
                    <a:pt x="4935" y="1023"/>
                  </a:cubicBezTo>
                  <a:cubicBezTo>
                    <a:pt x="4926" y="1022"/>
                    <a:pt x="4926" y="1022"/>
                    <a:pt x="4926" y="1022"/>
                  </a:cubicBezTo>
                  <a:cubicBezTo>
                    <a:pt x="4926" y="1048"/>
                    <a:pt x="4926" y="1048"/>
                    <a:pt x="4926" y="1048"/>
                  </a:cubicBezTo>
                  <a:cubicBezTo>
                    <a:pt x="4938" y="1051"/>
                    <a:pt x="4938" y="1051"/>
                    <a:pt x="4938" y="1051"/>
                  </a:cubicBezTo>
                  <a:cubicBezTo>
                    <a:pt x="4945" y="1051"/>
                    <a:pt x="4945" y="1051"/>
                    <a:pt x="4945" y="1051"/>
                  </a:cubicBezTo>
                  <a:cubicBezTo>
                    <a:pt x="4970" y="1051"/>
                    <a:pt x="4989" y="1035"/>
                    <a:pt x="5001" y="1004"/>
                  </a:cubicBezTo>
                  <a:cubicBezTo>
                    <a:pt x="5078" y="783"/>
                    <a:pt x="5078" y="783"/>
                    <a:pt x="5078" y="783"/>
                  </a:cubicBezTo>
                  <a:cubicBezTo>
                    <a:pt x="5043" y="783"/>
                    <a:pt x="5043" y="783"/>
                    <a:pt x="5043" y="783"/>
                  </a:cubicBezTo>
                  <a:lnTo>
                    <a:pt x="4999" y="926"/>
                  </a:lnTo>
                  <a:close/>
                  <a:moveTo>
                    <a:pt x="7482" y="937"/>
                  </a:moveTo>
                  <a:cubicBezTo>
                    <a:pt x="7475" y="937"/>
                    <a:pt x="7470" y="939"/>
                    <a:pt x="7467" y="943"/>
                  </a:cubicBezTo>
                  <a:cubicBezTo>
                    <a:pt x="7464" y="947"/>
                    <a:pt x="7462" y="951"/>
                    <a:pt x="7462" y="957"/>
                  </a:cubicBezTo>
                  <a:cubicBezTo>
                    <a:pt x="7462" y="963"/>
                    <a:pt x="7464" y="967"/>
                    <a:pt x="7467" y="971"/>
                  </a:cubicBezTo>
                  <a:cubicBezTo>
                    <a:pt x="7470" y="974"/>
                    <a:pt x="7475" y="976"/>
                    <a:pt x="7482" y="976"/>
                  </a:cubicBezTo>
                  <a:cubicBezTo>
                    <a:pt x="7489" y="976"/>
                    <a:pt x="7494" y="974"/>
                    <a:pt x="7497" y="971"/>
                  </a:cubicBezTo>
                  <a:cubicBezTo>
                    <a:pt x="7501" y="967"/>
                    <a:pt x="7502" y="963"/>
                    <a:pt x="7502" y="957"/>
                  </a:cubicBezTo>
                  <a:cubicBezTo>
                    <a:pt x="7502" y="951"/>
                    <a:pt x="7501" y="947"/>
                    <a:pt x="7497" y="943"/>
                  </a:cubicBezTo>
                  <a:cubicBezTo>
                    <a:pt x="7494" y="939"/>
                    <a:pt x="7489" y="937"/>
                    <a:pt x="7482" y="937"/>
                  </a:cubicBezTo>
                  <a:close/>
                  <a:moveTo>
                    <a:pt x="3266" y="780"/>
                  </a:moveTo>
                  <a:cubicBezTo>
                    <a:pt x="3243" y="780"/>
                    <a:pt x="3224" y="789"/>
                    <a:pt x="3209" y="806"/>
                  </a:cubicBezTo>
                  <a:cubicBezTo>
                    <a:pt x="3209" y="703"/>
                    <a:pt x="3209" y="703"/>
                    <a:pt x="3209" y="703"/>
                  </a:cubicBezTo>
                  <a:cubicBezTo>
                    <a:pt x="3177" y="703"/>
                    <a:pt x="3177" y="703"/>
                    <a:pt x="3177" y="703"/>
                  </a:cubicBezTo>
                  <a:cubicBezTo>
                    <a:pt x="3177" y="974"/>
                    <a:pt x="3177" y="974"/>
                    <a:pt x="3177" y="974"/>
                  </a:cubicBezTo>
                  <a:cubicBezTo>
                    <a:pt x="3209" y="974"/>
                    <a:pt x="3209" y="974"/>
                    <a:pt x="3209" y="974"/>
                  </a:cubicBezTo>
                  <a:cubicBezTo>
                    <a:pt x="3209" y="838"/>
                    <a:pt x="3209" y="838"/>
                    <a:pt x="3209" y="838"/>
                  </a:cubicBezTo>
                  <a:cubicBezTo>
                    <a:pt x="3214" y="829"/>
                    <a:pt x="3220" y="822"/>
                    <a:pt x="3228" y="816"/>
                  </a:cubicBezTo>
                  <a:cubicBezTo>
                    <a:pt x="3236" y="810"/>
                    <a:pt x="3245" y="808"/>
                    <a:pt x="3256" y="808"/>
                  </a:cubicBezTo>
                  <a:cubicBezTo>
                    <a:pt x="3269" y="808"/>
                    <a:pt x="3279" y="811"/>
                    <a:pt x="3285" y="817"/>
                  </a:cubicBezTo>
                  <a:cubicBezTo>
                    <a:pt x="3291" y="824"/>
                    <a:pt x="3294" y="834"/>
                    <a:pt x="3294" y="848"/>
                  </a:cubicBezTo>
                  <a:cubicBezTo>
                    <a:pt x="3294" y="974"/>
                    <a:pt x="3294" y="974"/>
                    <a:pt x="3294" y="974"/>
                  </a:cubicBezTo>
                  <a:cubicBezTo>
                    <a:pt x="3327" y="974"/>
                    <a:pt x="3327" y="974"/>
                    <a:pt x="3327" y="974"/>
                  </a:cubicBezTo>
                  <a:cubicBezTo>
                    <a:pt x="3327" y="848"/>
                    <a:pt x="3327" y="848"/>
                    <a:pt x="3327" y="848"/>
                  </a:cubicBezTo>
                  <a:cubicBezTo>
                    <a:pt x="3327" y="803"/>
                    <a:pt x="3306" y="780"/>
                    <a:pt x="3266" y="780"/>
                  </a:cubicBezTo>
                  <a:close/>
                  <a:moveTo>
                    <a:pt x="3091" y="783"/>
                  </a:moveTo>
                  <a:cubicBezTo>
                    <a:pt x="3120" y="783"/>
                    <a:pt x="3120" y="783"/>
                    <a:pt x="3120" y="783"/>
                  </a:cubicBezTo>
                  <a:cubicBezTo>
                    <a:pt x="3120" y="970"/>
                    <a:pt x="3120" y="970"/>
                    <a:pt x="3120" y="970"/>
                  </a:cubicBezTo>
                  <a:cubicBezTo>
                    <a:pt x="3120" y="994"/>
                    <a:pt x="3113" y="1014"/>
                    <a:pt x="3098" y="1028"/>
                  </a:cubicBezTo>
                  <a:cubicBezTo>
                    <a:pt x="3084" y="1042"/>
                    <a:pt x="3064" y="1049"/>
                    <a:pt x="3039" y="1049"/>
                  </a:cubicBezTo>
                  <a:cubicBezTo>
                    <a:pt x="3026" y="1049"/>
                    <a:pt x="3012" y="1046"/>
                    <a:pt x="2999" y="1041"/>
                  </a:cubicBezTo>
                  <a:cubicBezTo>
                    <a:pt x="2986" y="1035"/>
                    <a:pt x="2976" y="1027"/>
                    <a:pt x="2969" y="1016"/>
                  </a:cubicBezTo>
                  <a:cubicBezTo>
                    <a:pt x="2986" y="997"/>
                    <a:pt x="2986" y="997"/>
                    <a:pt x="2986" y="997"/>
                  </a:cubicBezTo>
                  <a:cubicBezTo>
                    <a:pt x="3000" y="1014"/>
                    <a:pt x="3017" y="1023"/>
                    <a:pt x="3037" y="1023"/>
                  </a:cubicBezTo>
                  <a:cubicBezTo>
                    <a:pt x="3053" y="1023"/>
                    <a:pt x="3065" y="1018"/>
                    <a:pt x="3074" y="1009"/>
                  </a:cubicBezTo>
                  <a:cubicBezTo>
                    <a:pt x="3083" y="1000"/>
                    <a:pt x="3088" y="988"/>
                    <a:pt x="3088" y="972"/>
                  </a:cubicBezTo>
                  <a:cubicBezTo>
                    <a:pt x="3088" y="955"/>
                    <a:pt x="3088" y="955"/>
                    <a:pt x="3088" y="955"/>
                  </a:cubicBezTo>
                  <a:cubicBezTo>
                    <a:pt x="3074" y="970"/>
                    <a:pt x="3057" y="978"/>
                    <a:pt x="3034" y="978"/>
                  </a:cubicBezTo>
                  <a:cubicBezTo>
                    <a:pt x="3012" y="978"/>
                    <a:pt x="2994" y="969"/>
                    <a:pt x="2980" y="951"/>
                  </a:cubicBezTo>
                  <a:cubicBezTo>
                    <a:pt x="2966" y="933"/>
                    <a:pt x="2959" y="908"/>
                    <a:pt x="2959" y="877"/>
                  </a:cubicBezTo>
                  <a:cubicBezTo>
                    <a:pt x="2959" y="847"/>
                    <a:pt x="2966" y="824"/>
                    <a:pt x="2980" y="806"/>
                  </a:cubicBezTo>
                  <a:cubicBezTo>
                    <a:pt x="2994" y="789"/>
                    <a:pt x="3012" y="780"/>
                    <a:pt x="3034" y="780"/>
                  </a:cubicBezTo>
                  <a:cubicBezTo>
                    <a:pt x="3058" y="780"/>
                    <a:pt x="3076" y="788"/>
                    <a:pt x="3089" y="805"/>
                  </a:cubicBezTo>
                  <a:lnTo>
                    <a:pt x="3091" y="783"/>
                  </a:lnTo>
                  <a:close/>
                  <a:moveTo>
                    <a:pt x="3088" y="835"/>
                  </a:moveTo>
                  <a:cubicBezTo>
                    <a:pt x="3078" y="817"/>
                    <a:pt x="3063" y="808"/>
                    <a:pt x="3043" y="808"/>
                  </a:cubicBezTo>
                  <a:cubicBezTo>
                    <a:pt x="3027" y="808"/>
                    <a:pt x="3014" y="814"/>
                    <a:pt x="3005" y="826"/>
                  </a:cubicBezTo>
                  <a:cubicBezTo>
                    <a:pt x="2996" y="838"/>
                    <a:pt x="2992" y="857"/>
                    <a:pt x="2992" y="881"/>
                  </a:cubicBezTo>
                  <a:cubicBezTo>
                    <a:pt x="2992" y="902"/>
                    <a:pt x="2996" y="919"/>
                    <a:pt x="3005" y="932"/>
                  </a:cubicBezTo>
                  <a:cubicBezTo>
                    <a:pt x="3014" y="944"/>
                    <a:pt x="3026" y="950"/>
                    <a:pt x="3042" y="950"/>
                  </a:cubicBezTo>
                  <a:cubicBezTo>
                    <a:pt x="3063" y="950"/>
                    <a:pt x="3078" y="941"/>
                    <a:pt x="3088" y="922"/>
                  </a:cubicBezTo>
                  <a:lnTo>
                    <a:pt x="3088" y="835"/>
                  </a:lnTo>
                  <a:close/>
                  <a:moveTo>
                    <a:pt x="3868" y="807"/>
                  </a:moveTo>
                  <a:cubicBezTo>
                    <a:pt x="3884" y="825"/>
                    <a:pt x="3892" y="849"/>
                    <a:pt x="3892" y="879"/>
                  </a:cubicBezTo>
                  <a:cubicBezTo>
                    <a:pt x="3892" y="881"/>
                    <a:pt x="3892" y="881"/>
                    <a:pt x="3892" y="881"/>
                  </a:cubicBezTo>
                  <a:cubicBezTo>
                    <a:pt x="3892" y="899"/>
                    <a:pt x="3888" y="916"/>
                    <a:pt x="3881" y="931"/>
                  </a:cubicBezTo>
                  <a:cubicBezTo>
                    <a:pt x="3874" y="946"/>
                    <a:pt x="3864" y="957"/>
                    <a:pt x="3851" y="965"/>
                  </a:cubicBezTo>
                  <a:cubicBezTo>
                    <a:pt x="3837" y="974"/>
                    <a:pt x="3822" y="978"/>
                    <a:pt x="3805" y="978"/>
                  </a:cubicBezTo>
                  <a:cubicBezTo>
                    <a:pt x="3779" y="978"/>
                    <a:pt x="3758" y="969"/>
                    <a:pt x="3742" y="951"/>
                  </a:cubicBezTo>
                  <a:cubicBezTo>
                    <a:pt x="3726" y="933"/>
                    <a:pt x="3718" y="909"/>
                    <a:pt x="3718" y="879"/>
                  </a:cubicBezTo>
                  <a:cubicBezTo>
                    <a:pt x="3718" y="877"/>
                    <a:pt x="3718" y="877"/>
                    <a:pt x="3718" y="877"/>
                  </a:cubicBezTo>
                  <a:cubicBezTo>
                    <a:pt x="3718" y="858"/>
                    <a:pt x="3722" y="842"/>
                    <a:pt x="3729" y="827"/>
                  </a:cubicBezTo>
                  <a:cubicBezTo>
                    <a:pt x="3736" y="812"/>
                    <a:pt x="3747" y="800"/>
                    <a:pt x="3760" y="792"/>
                  </a:cubicBezTo>
                  <a:cubicBezTo>
                    <a:pt x="3773" y="784"/>
                    <a:pt x="3788" y="780"/>
                    <a:pt x="3805" y="780"/>
                  </a:cubicBezTo>
                  <a:cubicBezTo>
                    <a:pt x="3831" y="780"/>
                    <a:pt x="3852" y="789"/>
                    <a:pt x="3868" y="807"/>
                  </a:cubicBezTo>
                  <a:close/>
                  <a:moveTo>
                    <a:pt x="3859" y="877"/>
                  </a:moveTo>
                  <a:cubicBezTo>
                    <a:pt x="3859" y="856"/>
                    <a:pt x="3854" y="839"/>
                    <a:pt x="3844" y="826"/>
                  </a:cubicBezTo>
                  <a:cubicBezTo>
                    <a:pt x="3834" y="813"/>
                    <a:pt x="3821" y="807"/>
                    <a:pt x="3805" y="807"/>
                  </a:cubicBezTo>
                  <a:cubicBezTo>
                    <a:pt x="3789" y="807"/>
                    <a:pt x="3776" y="813"/>
                    <a:pt x="3766" y="826"/>
                  </a:cubicBezTo>
                  <a:cubicBezTo>
                    <a:pt x="3756" y="839"/>
                    <a:pt x="3751" y="857"/>
                    <a:pt x="3751" y="881"/>
                  </a:cubicBezTo>
                  <a:cubicBezTo>
                    <a:pt x="3751" y="902"/>
                    <a:pt x="3756" y="919"/>
                    <a:pt x="3766" y="932"/>
                  </a:cubicBezTo>
                  <a:cubicBezTo>
                    <a:pt x="3775" y="945"/>
                    <a:pt x="3789" y="951"/>
                    <a:pt x="3805" y="951"/>
                  </a:cubicBezTo>
                  <a:cubicBezTo>
                    <a:pt x="3822" y="951"/>
                    <a:pt x="3835" y="945"/>
                    <a:pt x="3845" y="932"/>
                  </a:cubicBezTo>
                  <a:cubicBezTo>
                    <a:pt x="3854" y="919"/>
                    <a:pt x="3859" y="900"/>
                    <a:pt x="3859" y="877"/>
                  </a:cubicBezTo>
                  <a:close/>
                  <a:moveTo>
                    <a:pt x="4870" y="806"/>
                  </a:moveTo>
                  <a:cubicBezTo>
                    <a:pt x="4883" y="824"/>
                    <a:pt x="4890" y="848"/>
                    <a:pt x="4890" y="878"/>
                  </a:cubicBezTo>
                  <a:cubicBezTo>
                    <a:pt x="4890" y="881"/>
                    <a:pt x="4890" y="881"/>
                    <a:pt x="4890" y="881"/>
                  </a:cubicBezTo>
                  <a:cubicBezTo>
                    <a:pt x="4890" y="910"/>
                    <a:pt x="4883" y="933"/>
                    <a:pt x="4870" y="951"/>
                  </a:cubicBezTo>
                  <a:cubicBezTo>
                    <a:pt x="4856" y="969"/>
                    <a:pt x="4838" y="978"/>
                    <a:pt x="4816" y="978"/>
                  </a:cubicBezTo>
                  <a:cubicBezTo>
                    <a:pt x="4792" y="978"/>
                    <a:pt x="4773" y="969"/>
                    <a:pt x="4760" y="952"/>
                  </a:cubicBezTo>
                  <a:cubicBezTo>
                    <a:pt x="4758" y="974"/>
                    <a:pt x="4758" y="974"/>
                    <a:pt x="4758" y="974"/>
                  </a:cubicBezTo>
                  <a:cubicBezTo>
                    <a:pt x="4728" y="974"/>
                    <a:pt x="4728" y="974"/>
                    <a:pt x="4728" y="974"/>
                  </a:cubicBezTo>
                  <a:cubicBezTo>
                    <a:pt x="4728" y="703"/>
                    <a:pt x="4728" y="703"/>
                    <a:pt x="4728" y="703"/>
                  </a:cubicBezTo>
                  <a:cubicBezTo>
                    <a:pt x="4761" y="703"/>
                    <a:pt x="4761" y="703"/>
                    <a:pt x="4761" y="703"/>
                  </a:cubicBezTo>
                  <a:cubicBezTo>
                    <a:pt x="4761" y="804"/>
                    <a:pt x="4761" y="804"/>
                    <a:pt x="4761" y="804"/>
                  </a:cubicBezTo>
                  <a:cubicBezTo>
                    <a:pt x="4774" y="788"/>
                    <a:pt x="4792" y="780"/>
                    <a:pt x="4815" y="780"/>
                  </a:cubicBezTo>
                  <a:cubicBezTo>
                    <a:pt x="4838" y="780"/>
                    <a:pt x="4857" y="789"/>
                    <a:pt x="4870" y="806"/>
                  </a:cubicBezTo>
                  <a:close/>
                  <a:moveTo>
                    <a:pt x="4857" y="877"/>
                  </a:moveTo>
                  <a:cubicBezTo>
                    <a:pt x="4857" y="855"/>
                    <a:pt x="4853" y="838"/>
                    <a:pt x="4844" y="826"/>
                  </a:cubicBezTo>
                  <a:cubicBezTo>
                    <a:pt x="4836" y="814"/>
                    <a:pt x="4823" y="808"/>
                    <a:pt x="4807" y="808"/>
                  </a:cubicBezTo>
                  <a:cubicBezTo>
                    <a:pt x="4786" y="808"/>
                    <a:pt x="4770" y="818"/>
                    <a:pt x="4761" y="838"/>
                  </a:cubicBezTo>
                  <a:cubicBezTo>
                    <a:pt x="4761" y="920"/>
                    <a:pt x="4761" y="920"/>
                    <a:pt x="4761" y="920"/>
                  </a:cubicBezTo>
                  <a:cubicBezTo>
                    <a:pt x="4771" y="940"/>
                    <a:pt x="4786" y="950"/>
                    <a:pt x="4807" y="950"/>
                  </a:cubicBezTo>
                  <a:cubicBezTo>
                    <a:pt x="4823" y="950"/>
                    <a:pt x="4835" y="944"/>
                    <a:pt x="4844" y="932"/>
                  </a:cubicBezTo>
                  <a:cubicBezTo>
                    <a:pt x="4853" y="920"/>
                    <a:pt x="4857" y="902"/>
                    <a:pt x="4857" y="877"/>
                  </a:cubicBezTo>
                  <a:close/>
                  <a:moveTo>
                    <a:pt x="7382" y="877"/>
                  </a:moveTo>
                  <a:cubicBezTo>
                    <a:pt x="7371" y="872"/>
                    <a:pt x="7358" y="868"/>
                    <a:pt x="7342" y="864"/>
                  </a:cubicBezTo>
                  <a:cubicBezTo>
                    <a:pt x="7326" y="860"/>
                    <a:pt x="7314" y="857"/>
                    <a:pt x="7308" y="853"/>
                  </a:cubicBezTo>
                  <a:cubicBezTo>
                    <a:pt x="7302" y="849"/>
                    <a:pt x="7299" y="843"/>
                    <a:pt x="7299" y="835"/>
                  </a:cubicBezTo>
                  <a:cubicBezTo>
                    <a:pt x="7299" y="826"/>
                    <a:pt x="7302" y="820"/>
                    <a:pt x="7309" y="814"/>
                  </a:cubicBezTo>
                  <a:cubicBezTo>
                    <a:pt x="7316" y="809"/>
                    <a:pt x="7325" y="807"/>
                    <a:pt x="7337" y="807"/>
                  </a:cubicBezTo>
                  <a:cubicBezTo>
                    <a:pt x="7348" y="807"/>
                    <a:pt x="7358" y="810"/>
                    <a:pt x="7365" y="816"/>
                  </a:cubicBezTo>
                  <a:cubicBezTo>
                    <a:pt x="7373" y="823"/>
                    <a:pt x="7377" y="831"/>
                    <a:pt x="7377" y="839"/>
                  </a:cubicBezTo>
                  <a:cubicBezTo>
                    <a:pt x="7410" y="839"/>
                    <a:pt x="7410" y="839"/>
                    <a:pt x="7410" y="839"/>
                  </a:cubicBezTo>
                  <a:cubicBezTo>
                    <a:pt x="7410" y="822"/>
                    <a:pt x="7403" y="808"/>
                    <a:pt x="7389" y="797"/>
                  </a:cubicBezTo>
                  <a:cubicBezTo>
                    <a:pt x="7376" y="785"/>
                    <a:pt x="7358" y="780"/>
                    <a:pt x="7337" y="780"/>
                  </a:cubicBezTo>
                  <a:cubicBezTo>
                    <a:pt x="7316" y="780"/>
                    <a:pt x="7299" y="785"/>
                    <a:pt x="7286" y="796"/>
                  </a:cubicBezTo>
                  <a:cubicBezTo>
                    <a:pt x="7273" y="807"/>
                    <a:pt x="7266" y="820"/>
                    <a:pt x="7266" y="836"/>
                  </a:cubicBezTo>
                  <a:cubicBezTo>
                    <a:pt x="7266" y="845"/>
                    <a:pt x="7268" y="853"/>
                    <a:pt x="7273" y="860"/>
                  </a:cubicBezTo>
                  <a:cubicBezTo>
                    <a:pt x="7278" y="867"/>
                    <a:pt x="7285" y="873"/>
                    <a:pt x="7295" y="878"/>
                  </a:cubicBezTo>
                  <a:cubicBezTo>
                    <a:pt x="7304" y="883"/>
                    <a:pt x="7317" y="887"/>
                    <a:pt x="7334" y="890"/>
                  </a:cubicBezTo>
                  <a:cubicBezTo>
                    <a:pt x="7350" y="894"/>
                    <a:pt x="7362" y="898"/>
                    <a:pt x="7369" y="903"/>
                  </a:cubicBezTo>
                  <a:cubicBezTo>
                    <a:pt x="7375" y="908"/>
                    <a:pt x="7379" y="915"/>
                    <a:pt x="7379" y="924"/>
                  </a:cubicBezTo>
                  <a:cubicBezTo>
                    <a:pt x="7379" y="932"/>
                    <a:pt x="7375" y="939"/>
                    <a:pt x="7367" y="944"/>
                  </a:cubicBezTo>
                  <a:cubicBezTo>
                    <a:pt x="7360" y="949"/>
                    <a:pt x="7350" y="951"/>
                    <a:pt x="7338" y="951"/>
                  </a:cubicBezTo>
                  <a:cubicBezTo>
                    <a:pt x="7324" y="951"/>
                    <a:pt x="7314" y="948"/>
                    <a:pt x="7305" y="941"/>
                  </a:cubicBezTo>
                  <a:cubicBezTo>
                    <a:pt x="7297" y="935"/>
                    <a:pt x="7293" y="926"/>
                    <a:pt x="7292" y="915"/>
                  </a:cubicBezTo>
                  <a:cubicBezTo>
                    <a:pt x="7260" y="915"/>
                    <a:pt x="7260" y="915"/>
                    <a:pt x="7260" y="915"/>
                  </a:cubicBezTo>
                  <a:cubicBezTo>
                    <a:pt x="7260" y="927"/>
                    <a:pt x="7263" y="937"/>
                    <a:pt x="7270" y="947"/>
                  </a:cubicBezTo>
                  <a:cubicBezTo>
                    <a:pt x="7276" y="957"/>
                    <a:pt x="7285" y="964"/>
                    <a:pt x="7297" y="970"/>
                  </a:cubicBezTo>
                  <a:cubicBezTo>
                    <a:pt x="7309" y="975"/>
                    <a:pt x="7322" y="978"/>
                    <a:pt x="7338" y="978"/>
                  </a:cubicBezTo>
                  <a:cubicBezTo>
                    <a:pt x="7360" y="978"/>
                    <a:pt x="7377" y="973"/>
                    <a:pt x="7391" y="962"/>
                  </a:cubicBezTo>
                  <a:cubicBezTo>
                    <a:pt x="7404" y="952"/>
                    <a:pt x="7411" y="938"/>
                    <a:pt x="7411" y="921"/>
                  </a:cubicBezTo>
                  <a:cubicBezTo>
                    <a:pt x="7411" y="911"/>
                    <a:pt x="7409" y="902"/>
                    <a:pt x="7404" y="895"/>
                  </a:cubicBezTo>
                  <a:cubicBezTo>
                    <a:pt x="7399" y="888"/>
                    <a:pt x="7392" y="882"/>
                    <a:pt x="7382" y="877"/>
                  </a:cubicBezTo>
                  <a:close/>
                  <a:moveTo>
                    <a:pt x="4099" y="926"/>
                  </a:moveTo>
                  <a:cubicBezTo>
                    <a:pt x="4051" y="783"/>
                    <a:pt x="4051" y="783"/>
                    <a:pt x="4051" y="783"/>
                  </a:cubicBezTo>
                  <a:cubicBezTo>
                    <a:pt x="4016" y="783"/>
                    <a:pt x="4016" y="783"/>
                    <a:pt x="4016" y="783"/>
                  </a:cubicBezTo>
                  <a:cubicBezTo>
                    <a:pt x="4084" y="972"/>
                    <a:pt x="4084" y="972"/>
                    <a:pt x="4084" y="972"/>
                  </a:cubicBezTo>
                  <a:cubicBezTo>
                    <a:pt x="4077" y="992"/>
                    <a:pt x="4077" y="992"/>
                    <a:pt x="4077" y="992"/>
                  </a:cubicBezTo>
                  <a:cubicBezTo>
                    <a:pt x="4073" y="1003"/>
                    <a:pt x="4068" y="1012"/>
                    <a:pt x="4061" y="1016"/>
                  </a:cubicBezTo>
                  <a:cubicBezTo>
                    <a:pt x="4055" y="1020"/>
                    <a:pt x="4047" y="1023"/>
                    <a:pt x="4035" y="1023"/>
                  </a:cubicBezTo>
                  <a:cubicBezTo>
                    <a:pt x="4027" y="1022"/>
                    <a:pt x="4027" y="1022"/>
                    <a:pt x="4027" y="1022"/>
                  </a:cubicBezTo>
                  <a:cubicBezTo>
                    <a:pt x="4027" y="1048"/>
                    <a:pt x="4027" y="1048"/>
                    <a:pt x="4027" y="1048"/>
                  </a:cubicBezTo>
                  <a:cubicBezTo>
                    <a:pt x="4039" y="1051"/>
                    <a:pt x="4039" y="1051"/>
                    <a:pt x="4039" y="1051"/>
                  </a:cubicBezTo>
                  <a:cubicBezTo>
                    <a:pt x="4045" y="1051"/>
                    <a:pt x="4045" y="1051"/>
                    <a:pt x="4045" y="1051"/>
                  </a:cubicBezTo>
                  <a:cubicBezTo>
                    <a:pt x="4071" y="1051"/>
                    <a:pt x="4090" y="1035"/>
                    <a:pt x="4102" y="1004"/>
                  </a:cubicBezTo>
                  <a:cubicBezTo>
                    <a:pt x="4178" y="783"/>
                    <a:pt x="4178" y="783"/>
                    <a:pt x="4178" y="783"/>
                  </a:cubicBezTo>
                  <a:cubicBezTo>
                    <a:pt x="4143" y="783"/>
                    <a:pt x="4143" y="783"/>
                    <a:pt x="4143" y="783"/>
                  </a:cubicBezTo>
                  <a:lnTo>
                    <a:pt x="4099" y="926"/>
                  </a:lnTo>
                  <a:close/>
                  <a:moveTo>
                    <a:pt x="4353" y="807"/>
                  </a:moveTo>
                  <a:cubicBezTo>
                    <a:pt x="4369" y="825"/>
                    <a:pt x="4377" y="849"/>
                    <a:pt x="4377" y="879"/>
                  </a:cubicBezTo>
                  <a:cubicBezTo>
                    <a:pt x="4377" y="881"/>
                    <a:pt x="4377" y="881"/>
                    <a:pt x="4377" y="881"/>
                  </a:cubicBezTo>
                  <a:cubicBezTo>
                    <a:pt x="4377" y="899"/>
                    <a:pt x="4374" y="916"/>
                    <a:pt x="4366" y="931"/>
                  </a:cubicBezTo>
                  <a:cubicBezTo>
                    <a:pt x="4359" y="946"/>
                    <a:pt x="4349" y="957"/>
                    <a:pt x="4336" y="965"/>
                  </a:cubicBezTo>
                  <a:cubicBezTo>
                    <a:pt x="4323" y="974"/>
                    <a:pt x="4308" y="978"/>
                    <a:pt x="4290" y="978"/>
                  </a:cubicBezTo>
                  <a:cubicBezTo>
                    <a:pt x="4264" y="978"/>
                    <a:pt x="4244" y="969"/>
                    <a:pt x="4227" y="951"/>
                  </a:cubicBezTo>
                  <a:cubicBezTo>
                    <a:pt x="4211" y="933"/>
                    <a:pt x="4203" y="909"/>
                    <a:pt x="4203" y="879"/>
                  </a:cubicBezTo>
                  <a:cubicBezTo>
                    <a:pt x="4203" y="877"/>
                    <a:pt x="4203" y="877"/>
                    <a:pt x="4203" y="877"/>
                  </a:cubicBezTo>
                  <a:cubicBezTo>
                    <a:pt x="4203" y="858"/>
                    <a:pt x="4207" y="842"/>
                    <a:pt x="4214" y="827"/>
                  </a:cubicBezTo>
                  <a:cubicBezTo>
                    <a:pt x="4222" y="812"/>
                    <a:pt x="4232" y="800"/>
                    <a:pt x="4245" y="792"/>
                  </a:cubicBezTo>
                  <a:cubicBezTo>
                    <a:pt x="4258" y="784"/>
                    <a:pt x="4273" y="780"/>
                    <a:pt x="4290" y="780"/>
                  </a:cubicBezTo>
                  <a:cubicBezTo>
                    <a:pt x="4316" y="780"/>
                    <a:pt x="4337" y="789"/>
                    <a:pt x="4353" y="807"/>
                  </a:cubicBezTo>
                  <a:close/>
                  <a:moveTo>
                    <a:pt x="4345" y="877"/>
                  </a:moveTo>
                  <a:cubicBezTo>
                    <a:pt x="4345" y="856"/>
                    <a:pt x="4340" y="839"/>
                    <a:pt x="4330" y="826"/>
                  </a:cubicBezTo>
                  <a:cubicBezTo>
                    <a:pt x="4320" y="813"/>
                    <a:pt x="4306" y="807"/>
                    <a:pt x="4290" y="807"/>
                  </a:cubicBezTo>
                  <a:cubicBezTo>
                    <a:pt x="4274" y="807"/>
                    <a:pt x="4261" y="813"/>
                    <a:pt x="4251" y="826"/>
                  </a:cubicBezTo>
                  <a:cubicBezTo>
                    <a:pt x="4241" y="839"/>
                    <a:pt x="4236" y="857"/>
                    <a:pt x="4236" y="881"/>
                  </a:cubicBezTo>
                  <a:cubicBezTo>
                    <a:pt x="4236" y="902"/>
                    <a:pt x="4241" y="919"/>
                    <a:pt x="4251" y="932"/>
                  </a:cubicBezTo>
                  <a:cubicBezTo>
                    <a:pt x="4261" y="945"/>
                    <a:pt x="4274" y="951"/>
                    <a:pt x="4290" y="951"/>
                  </a:cubicBezTo>
                  <a:cubicBezTo>
                    <a:pt x="4307" y="951"/>
                    <a:pt x="4320" y="945"/>
                    <a:pt x="4330" y="932"/>
                  </a:cubicBezTo>
                  <a:cubicBezTo>
                    <a:pt x="4340" y="919"/>
                    <a:pt x="4345" y="900"/>
                    <a:pt x="4345" y="877"/>
                  </a:cubicBezTo>
                  <a:close/>
                  <a:moveTo>
                    <a:pt x="4542" y="922"/>
                  </a:moveTo>
                  <a:cubicBezTo>
                    <a:pt x="4534" y="941"/>
                    <a:pt x="4517" y="950"/>
                    <a:pt x="4492" y="950"/>
                  </a:cubicBezTo>
                  <a:cubicBezTo>
                    <a:pt x="4469" y="950"/>
                    <a:pt x="4457" y="936"/>
                    <a:pt x="4457" y="907"/>
                  </a:cubicBezTo>
                  <a:cubicBezTo>
                    <a:pt x="4457" y="783"/>
                    <a:pt x="4457" y="783"/>
                    <a:pt x="4457" y="783"/>
                  </a:cubicBezTo>
                  <a:cubicBezTo>
                    <a:pt x="4424" y="783"/>
                    <a:pt x="4424" y="783"/>
                    <a:pt x="4424" y="783"/>
                  </a:cubicBezTo>
                  <a:cubicBezTo>
                    <a:pt x="4424" y="908"/>
                    <a:pt x="4424" y="908"/>
                    <a:pt x="4424" y="908"/>
                  </a:cubicBezTo>
                  <a:cubicBezTo>
                    <a:pt x="4425" y="931"/>
                    <a:pt x="4430" y="948"/>
                    <a:pt x="4441" y="960"/>
                  </a:cubicBezTo>
                  <a:cubicBezTo>
                    <a:pt x="4451" y="972"/>
                    <a:pt x="4467" y="978"/>
                    <a:pt x="4487" y="978"/>
                  </a:cubicBezTo>
                  <a:cubicBezTo>
                    <a:pt x="4512" y="978"/>
                    <a:pt x="4530" y="970"/>
                    <a:pt x="4543" y="955"/>
                  </a:cubicBezTo>
                  <a:cubicBezTo>
                    <a:pt x="4544" y="974"/>
                    <a:pt x="4544" y="974"/>
                    <a:pt x="4544" y="974"/>
                  </a:cubicBezTo>
                  <a:cubicBezTo>
                    <a:pt x="4575" y="974"/>
                    <a:pt x="4575" y="974"/>
                    <a:pt x="4575" y="974"/>
                  </a:cubicBezTo>
                  <a:cubicBezTo>
                    <a:pt x="4575" y="783"/>
                    <a:pt x="4575" y="783"/>
                    <a:pt x="4575" y="783"/>
                  </a:cubicBezTo>
                  <a:cubicBezTo>
                    <a:pt x="4542" y="783"/>
                    <a:pt x="4542" y="783"/>
                    <a:pt x="4542" y="783"/>
                  </a:cubicBezTo>
                  <a:lnTo>
                    <a:pt x="4542" y="922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</p:grpSp>
    </p:spTree>
    <p:extLst>
      <p:ext uri="{BB962C8B-B14F-4D97-AF65-F5344CB8AC3E}">
        <p14:creationId xmlns:p14="http://schemas.microsoft.com/office/powerpoint/2010/main" val="414335212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[Heading and text (3)]">
    <p:bg>
      <p:bgPr>
        <a:solidFill>
          <a:srgbClr val="E3ECF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rame 1 {PHJU}">
            <a:extLst>
              <a:ext uri="{FF2B5EF4-FFF2-40B4-BE49-F238E27FC236}">
                <a16:creationId xmlns:a16="http://schemas.microsoft.com/office/drawing/2014/main" id="{DE443141-29C4-6B79-4C3E-8C32594EA0CC}"/>
              </a:ext>
            </a:extLst>
          </p:cNvPr>
          <p:cNvSpPr>
            <a:spLocks noGrp="1" noSelect="1"/>
          </p:cNvSpPr>
          <p:nvPr>
            <p:ph type="body" sz="quarter" idx="21" hasCustomPrompt="1"/>
          </p:nvPr>
        </p:nvSpPr>
        <p:spPr>
          <a:xfrm>
            <a:off x="2320925" y="1790701"/>
            <a:ext cx="2400300" cy="3255962"/>
          </a:xfrm>
          <a:custGeom>
            <a:avLst/>
            <a:gdLst>
              <a:gd name="connsiteX0" fmla="*/ 132075 w 2400300"/>
              <a:gd name="connsiteY0" fmla="*/ 0 h 3255962"/>
              <a:gd name="connsiteX1" fmla="*/ 2267908 w 2400300"/>
              <a:gd name="connsiteY1" fmla="*/ 0 h 3255962"/>
              <a:gd name="connsiteX2" fmla="*/ 2319397 w 2400300"/>
              <a:gd name="connsiteY2" fmla="*/ 10370 h 3255962"/>
              <a:gd name="connsiteX3" fmla="*/ 2400300 w 2400300"/>
              <a:gd name="connsiteY3" fmla="*/ 132371 h 3255962"/>
              <a:gd name="connsiteX4" fmla="*/ 2400300 w 2400300"/>
              <a:gd name="connsiteY4" fmla="*/ 404155 h 3255962"/>
              <a:gd name="connsiteX5" fmla="*/ 2400300 w 2400300"/>
              <a:gd name="connsiteY5" fmla="*/ 658957 h 3255962"/>
              <a:gd name="connsiteX6" fmla="*/ 2400300 w 2400300"/>
              <a:gd name="connsiteY6" fmla="*/ 897327 h 3255962"/>
              <a:gd name="connsiteX7" fmla="*/ 2400300 w 2400300"/>
              <a:gd name="connsiteY7" fmla="*/ 1119812 h 3255962"/>
              <a:gd name="connsiteX8" fmla="*/ 2400300 w 2400300"/>
              <a:gd name="connsiteY8" fmla="*/ 1326959 h 3255962"/>
              <a:gd name="connsiteX9" fmla="*/ 2400300 w 2400300"/>
              <a:gd name="connsiteY9" fmla="*/ 1519317 h 3255962"/>
              <a:gd name="connsiteX10" fmla="*/ 2400300 w 2400300"/>
              <a:gd name="connsiteY10" fmla="*/ 1697432 h 3255962"/>
              <a:gd name="connsiteX11" fmla="*/ 2400300 w 2400300"/>
              <a:gd name="connsiteY11" fmla="*/ 1861853 h 3255962"/>
              <a:gd name="connsiteX12" fmla="*/ 2400300 w 2400300"/>
              <a:gd name="connsiteY12" fmla="*/ 2013128 h 3255962"/>
              <a:gd name="connsiteX13" fmla="*/ 2400300 w 2400300"/>
              <a:gd name="connsiteY13" fmla="*/ 2151805 h 3255962"/>
              <a:gd name="connsiteX14" fmla="*/ 2400300 w 2400300"/>
              <a:gd name="connsiteY14" fmla="*/ 2278430 h 3255962"/>
              <a:gd name="connsiteX15" fmla="*/ 2400300 w 2400300"/>
              <a:gd name="connsiteY15" fmla="*/ 2393552 h 3255962"/>
              <a:gd name="connsiteX16" fmla="*/ 2400300 w 2400300"/>
              <a:gd name="connsiteY16" fmla="*/ 2497719 h 3255962"/>
              <a:gd name="connsiteX17" fmla="*/ 2400300 w 2400300"/>
              <a:gd name="connsiteY17" fmla="*/ 2591479 h 3255962"/>
              <a:gd name="connsiteX18" fmla="*/ 2400300 w 2400300"/>
              <a:gd name="connsiteY18" fmla="*/ 2749966 h 3255962"/>
              <a:gd name="connsiteX19" fmla="*/ 2400300 w 2400300"/>
              <a:gd name="connsiteY19" fmla="*/ 2873396 h 3255962"/>
              <a:gd name="connsiteX20" fmla="*/ 2400300 w 2400300"/>
              <a:gd name="connsiteY20" fmla="*/ 2966151 h 3255962"/>
              <a:gd name="connsiteX21" fmla="*/ 2400300 w 2400300"/>
              <a:gd name="connsiteY21" fmla="*/ 3032614 h 3255962"/>
              <a:gd name="connsiteX22" fmla="*/ 2400300 w 2400300"/>
              <a:gd name="connsiteY22" fmla="*/ 3077165 h 3255962"/>
              <a:gd name="connsiteX23" fmla="*/ 2400300 w 2400300"/>
              <a:gd name="connsiteY23" fmla="*/ 3104189 h 3255962"/>
              <a:gd name="connsiteX24" fmla="*/ 2400300 w 2400300"/>
              <a:gd name="connsiteY24" fmla="*/ 3118065 h 3255962"/>
              <a:gd name="connsiteX25" fmla="*/ 2400300 w 2400300"/>
              <a:gd name="connsiteY25" fmla="*/ 3123908 h 3255962"/>
              <a:gd name="connsiteX26" fmla="*/ 2267903 w 2400300"/>
              <a:gd name="connsiteY26" fmla="*/ 3255962 h 3255962"/>
              <a:gd name="connsiteX27" fmla="*/ 132080 w 2400300"/>
              <a:gd name="connsiteY27" fmla="*/ 3255962 h 3255962"/>
              <a:gd name="connsiteX28" fmla="*/ 0 w 2400300"/>
              <a:gd name="connsiteY28" fmla="*/ 3123908 h 3255962"/>
              <a:gd name="connsiteX29" fmla="*/ 0 w 2400300"/>
              <a:gd name="connsiteY29" fmla="*/ 2852125 h 3255962"/>
              <a:gd name="connsiteX30" fmla="*/ 0 w 2400300"/>
              <a:gd name="connsiteY30" fmla="*/ 2597322 h 3255962"/>
              <a:gd name="connsiteX31" fmla="*/ 0 w 2400300"/>
              <a:gd name="connsiteY31" fmla="*/ 2358952 h 3255962"/>
              <a:gd name="connsiteX32" fmla="*/ 0 w 2400300"/>
              <a:gd name="connsiteY32" fmla="*/ 2136467 h 3255962"/>
              <a:gd name="connsiteX33" fmla="*/ 0 w 2400300"/>
              <a:gd name="connsiteY33" fmla="*/ 1929320 h 3255962"/>
              <a:gd name="connsiteX34" fmla="*/ 0 w 2400300"/>
              <a:gd name="connsiteY34" fmla="*/ 1736963 h 3255962"/>
              <a:gd name="connsiteX35" fmla="*/ 0 w 2400300"/>
              <a:gd name="connsiteY35" fmla="*/ 1558847 h 3255962"/>
              <a:gd name="connsiteX36" fmla="*/ 0 w 2400300"/>
              <a:gd name="connsiteY36" fmla="*/ 1394426 h 3255962"/>
              <a:gd name="connsiteX37" fmla="*/ 0 w 2400300"/>
              <a:gd name="connsiteY37" fmla="*/ 1243151 h 3255962"/>
              <a:gd name="connsiteX38" fmla="*/ 0 w 2400300"/>
              <a:gd name="connsiteY38" fmla="*/ 1104474 h 3255962"/>
              <a:gd name="connsiteX39" fmla="*/ 0 w 2400300"/>
              <a:gd name="connsiteY39" fmla="*/ 977849 h 3255962"/>
              <a:gd name="connsiteX40" fmla="*/ 0 w 2400300"/>
              <a:gd name="connsiteY40" fmla="*/ 862727 h 3255962"/>
              <a:gd name="connsiteX41" fmla="*/ 0 w 2400300"/>
              <a:gd name="connsiteY41" fmla="*/ 758560 h 3255962"/>
              <a:gd name="connsiteX42" fmla="*/ 0 w 2400300"/>
              <a:gd name="connsiteY42" fmla="*/ 664800 h 3255962"/>
              <a:gd name="connsiteX43" fmla="*/ 0 w 2400300"/>
              <a:gd name="connsiteY43" fmla="*/ 506313 h 3255962"/>
              <a:gd name="connsiteX44" fmla="*/ 0 w 2400300"/>
              <a:gd name="connsiteY44" fmla="*/ 382883 h 3255962"/>
              <a:gd name="connsiteX45" fmla="*/ 0 w 2400300"/>
              <a:gd name="connsiteY45" fmla="*/ 290128 h 3255962"/>
              <a:gd name="connsiteX46" fmla="*/ 0 w 2400300"/>
              <a:gd name="connsiteY46" fmla="*/ 223665 h 3255962"/>
              <a:gd name="connsiteX47" fmla="*/ 0 w 2400300"/>
              <a:gd name="connsiteY47" fmla="*/ 179114 h 3255962"/>
              <a:gd name="connsiteX48" fmla="*/ 0 w 2400300"/>
              <a:gd name="connsiteY48" fmla="*/ 152090 h 3255962"/>
              <a:gd name="connsiteX49" fmla="*/ 0 w 2400300"/>
              <a:gd name="connsiteY49" fmla="*/ 138214 h 3255962"/>
              <a:gd name="connsiteX50" fmla="*/ 0 w 2400300"/>
              <a:gd name="connsiteY50" fmla="*/ 132371 h 3255962"/>
              <a:gd name="connsiteX51" fmla="*/ 80635 w 2400300"/>
              <a:gd name="connsiteY51" fmla="*/ 10370 h 32559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</a:cxnLst>
            <a:rect l="l" t="t" r="r" b="b"/>
            <a:pathLst>
              <a:path w="2400300" h="3255962">
                <a:moveTo>
                  <a:pt x="132075" y="0"/>
                </a:moveTo>
                <a:lnTo>
                  <a:pt x="2267908" y="0"/>
                </a:lnTo>
                <a:lnTo>
                  <a:pt x="2319397" y="10370"/>
                </a:lnTo>
                <a:cubicBezTo>
                  <a:pt x="2366903" y="30414"/>
                  <a:pt x="2400300" y="77375"/>
                  <a:pt x="2400300" y="132371"/>
                </a:cubicBezTo>
                <a:lnTo>
                  <a:pt x="2400300" y="404155"/>
                </a:lnTo>
                <a:lnTo>
                  <a:pt x="2400300" y="658957"/>
                </a:lnTo>
                <a:lnTo>
                  <a:pt x="2400300" y="897327"/>
                </a:lnTo>
                <a:lnTo>
                  <a:pt x="2400300" y="1119812"/>
                </a:lnTo>
                <a:lnTo>
                  <a:pt x="2400300" y="1326959"/>
                </a:lnTo>
                <a:lnTo>
                  <a:pt x="2400300" y="1519317"/>
                </a:lnTo>
                <a:lnTo>
                  <a:pt x="2400300" y="1697432"/>
                </a:lnTo>
                <a:lnTo>
                  <a:pt x="2400300" y="1861853"/>
                </a:lnTo>
                <a:lnTo>
                  <a:pt x="2400300" y="2013128"/>
                </a:lnTo>
                <a:lnTo>
                  <a:pt x="2400300" y="2151805"/>
                </a:lnTo>
                <a:lnTo>
                  <a:pt x="2400300" y="2278430"/>
                </a:lnTo>
                <a:lnTo>
                  <a:pt x="2400300" y="2393552"/>
                </a:lnTo>
                <a:lnTo>
                  <a:pt x="2400300" y="2497719"/>
                </a:lnTo>
                <a:lnTo>
                  <a:pt x="2400300" y="2591479"/>
                </a:lnTo>
                <a:lnTo>
                  <a:pt x="2400300" y="2749966"/>
                </a:lnTo>
                <a:lnTo>
                  <a:pt x="2400300" y="2873396"/>
                </a:lnTo>
                <a:lnTo>
                  <a:pt x="2400300" y="2966151"/>
                </a:lnTo>
                <a:lnTo>
                  <a:pt x="2400300" y="3032614"/>
                </a:lnTo>
                <a:lnTo>
                  <a:pt x="2400300" y="3077165"/>
                </a:lnTo>
                <a:lnTo>
                  <a:pt x="2400300" y="3104189"/>
                </a:lnTo>
                <a:lnTo>
                  <a:pt x="2400300" y="3118065"/>
                </a:lnTo>
                <a:lnTo>
                  <a:pt x="2400300" y="3123908"/>
                </a:lnTo>
                <a:cubicBezTo>
                  <a:pt x="2400300" y="3196919"/>
                  <a:pt x="2340928" y="3255962"/>
                  <a:pt x="2267903" y="3255962"/>
                </a:cubicBezTo>
                <a:cubicBezTo>
                  <a:pt x="132080" y="3255962"/>
                  <a:pt x="132080" y="3255962"/>
                  <a:pt x="132080" y="3255962"/>
                </a:cubicBezTo>
                <a:cubicBezTo>
                  <a:pt x="59055" y="3255962"/>
                  <a:pt x="0" y="3196919"/>
                  <a:pt x="0" y="3123908"/>
                </a:cubicBezTo>
                <a:lnTo>
                  <a:pt x="0" y="2852125"/>
                </a:lnTo>
                <a:lnTo>
                  <a:pt x="0" y="2597322"/>
                </a:lnTo>
                <a:lnTo>
                  <a:pt x="0" y="2358952"/>
                </a:lnTo>
                <a:lnTo>
                  <a:pt x="0" y="2136467"/>
                </a:lnTo>
                <a:lnTo>
                  <a:pt x="0" y="1929320"/>
                </a:lnTo>
                <a:lnTo>
                  <a:pt x="0" y="1736963"/>
                </a:lnTo>
                <a:lnTo>
                  <a:pt x="0" y="1558847"/>
                </a:lnTo>
                <a:lnTo>
                  <a:pt x="0" y="1394426"/>
                </a:lnTo>
                <a:lnTo>
                  <a:pt x="0" y="1243151"/>
                </a:lnTo>
                <a:lnTo>
                  <a:pt x="0" y="1104474"/>
                </a:lnTo>
                <a:lnTo>
                  <a:pt x="0" y="977849"/>
                </a:lnTo>
                <a:lnTo>
                  <a:pt x="0" y="862727"/>
                </a:lnTo>
                <a:lnTo>
                  <a:pt x="0" y="758560"/>
                </a:lnTo>
                <a:lnTo>
                  <a:pt x="0" y="664800"/>
                </a:lnTo>
                <a:lnTo>
                  <a:pt x="0" y="506313"/>
                </a:lnTo>
                <a:lnTo>
                  <a:pt x="0" y="382883"/>
                </a:lnTo>
                <a:lnTo>
                  <a:pt x="0" y="290128"/>
                </a:lnTo>
                <a:lnTo>
                  <a:pt x="0" y="223665"/>
                </a:lnTo>
                <a:lnTo>
                  <a:pt x="0" y="179114"/>
                </a:lnTo>
                <a:lnTo>
                  <a:pt x="0" y="152090"/>
                </a:lnTo>
                <a:lnTo>
                  <a:pt x="0" y="138214"/>
                </a:lnTo>
                <a:lnTo>
                  <a:pt x="0" y="132371"/>
                </a:lnTo>
                <a:cubicBezTo>
                  <a:pt x="0" y="77375"/>
                  <a:pt x="33219" y="30414"/>
                  <a:pt x="80635" y="10370"/>
                </a:cubicBezTo>
                <a:close/>
              </a:path>
            </a:pathLst>
          </a:custGeom>
          <a:solidFill>
            <a:srgbClr val="E9ADE5"/>
          </a:solidFill>
          <a:ln>
            <a:noFill/>
          </a:ln>
          <a:effectLst>
            <a:outerShdw blurRad="101600" dist="76200" dir="2700000" sx="101000" sy="101000" algn="tl" rotWithShape="0">
              <a:prstClr val="black">
                <a:alpha val="25000"/>
              </a:prstClr>
            </a:outerShdw>
          </a:effec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0" lvl="0"/>
            <a:r>
              <a:rPr lang="en-GB"/>
              <a:t> </a:t>
            </a:r>
            <a:endParaRPr lang="en-GB" dirty="0"/>
          </a:p>
        </p:txBody>
      </p:sp>
      <p:sp>
        <p:nvSpPr>
          <p:cNvPr id="23" name="Frame 2 {PHJU}">
            <a:extLst>
              <a:ext uri="{FF2B5EF4-FFF2-40B4-BE49-F238E27FC236}">
                <a16:creationId xmlns:a16="http://schemas.microsoft.com/office/drawing/2014/main" id="{1D1DDEF5-7C8D-373E-16B3-C16DD5CB5D15}"/>
              </a:ext>
            </a:extLst>
          </p:cNvPr>
          <p:cNvSpPr>
            <a:spLocks noGrp="1" noSelect="1"/>
          </p:cNvSpPr>
          <p:nvPr>
            <p:ph type="body" sz="quarter" idx="22" hasCustomPrompt="1"/>
          </p:nvPr>
        </p:nvSpPr>
        <p:spPr>
          <a:xfrm>
            <a:off x="4905375" y="1800225"/>
            <a:ext cx="2414588" cy="3257550"/>
          </a:xfrm>
          <a:custGeom>
            <a:avLst/>
            <a:gdLst>
              <a:gd name="connsiteX0" fmla="*/ 132733 w 2414588"/>
              <a:gd name="connsiteY0" fmla="*/ 0 h 3257550"/>
              <a:gd name="connsiteX1" fmla="*/ 327982 w 2414588"/>
              <a:gd name="connsiteY1" fmla="*/ 0 h 3257550"/>
              <a:gd name="connsiteX2" fmla="*/ 511033 w 2414588"/>
              <a:gd name="connsiteY2" fmla="*/ 0 h 3257550"/>
              <a:gd name="connsiteX3" fmla="*/ 682278 w 2414588"/>
              <a:gd name="connsiteY3" fmla="*/ 0 h 3257550"/>
              <a:gd name="connsiteX4" fmla="*/ 842111 w 2414588"/>
              <a:gd name="connsiteY4" fmla="*/ 0 h 3257550"/>
              <a:gd name="connsiteX5" fmla="*/ 990926 w 2414588"/>
              <a:gd name="connsiteY5" fmla="*/ 0 h 3257550"/>
              <a:gd name="connsiteX6" fmla="*/ 1129116 w 2414588"/>
              <a:gd name="connsiteY6" fmla="*/ 0 h 3257550"/>
              <a:gd name="connsiteX7" fmla="*/ 1257074 w 2414588"/>
              <a:gd name="connsiteY7" fmla="*/ 0 h 3257550"/>
              <a:gd name="connsiteX8" fmla="*/ 1375194 w 2414588"/>
              <a:gd name="connsiteY8" fmla="*/ 0 h 3257550"/>
              <a:gd name="connsiteX9" fmla="*/ 1483871 w 2414588"/>
              <a:gd name="connsiteY9" fmla="*/ 0 h 3257550"/>
              <a:gd name="connsiteX10" fmla="*/ 1583496 w 2414588"/>
              <a:gd name="connsiteY10" fmla="*/ 0 h 3257550"/>
              <a:gd name="connsiteX11" fmla="*/ 1674464 w 2414588"/>
              <a:gd name="connsiteY11" fmla="*/ 0 h 3257550"/>
              <a:gd name="connsiteX12" fmla="*/ 1757167 w 2414588"/>
              <a:gd name="connsiteY12" fmla="*/ 0 h 3257550"/>
              <a:gd name="connsiteX13" fmla="*/ 1832001 w 2414588"/>
              <a:gd name="connsiteY13" fmla="*/ 0 h 3257550"/>
              <a:gd name="connsiteX14" fmla="*/ 1899358 w 2414588"/>
              <a:gd name="connsiteY14" fmla="*/ 0 h 3257550"/>
              <a:gd name="connsiteX15" fmla="*/ 2013215 w 2414588"/>
              <a:gd name="connsiteY15" fmla="*/ 0 h 3257550"/>
              <a:gd name="connsiteX16" fmla="*/ 2101888 w 2414588"/>
              <a:gd name="connsiteY16" fmla="*/ 0 h 3257550"/>
              <a:gd name="connsiteX17" fmla="*/ 2168523 w 2414588"/>
              <a:gd name="connsiteY17" fmla="*/ 0 h 3257550"/>
              <a:gd name="connsiteX18" fmla="*/ 2216270 w 2414588"/>
              <a:gd name="connsiteY18" fmla="*/ 0 h 3257550"/>
              <a:gd name="connsiteX19" fmla="*/ 2248276 w 2414588"/>
              <a:gd name="connsiteY19" fmla="*/ 0 h 3257550"/>
              <a:gd name="connsiteX20" fmla="*/ 2267689 w 2414588"/>
              <a:gd name="connsiteY20" fmla="*/ 0 h 3257550"/>
              <a:gd name="connsiteX21" fmla="*/ 2277658 w 2414588"/>
              <a:gd name="connsiteY21" fmla="*/ 0 h 3257550"/>
              <a:gd name="connsiteX22" fmla="*/ 2281856 w 2414588"/>
              <a:gd name="connsiteY22" fmla="*/ 0 h 3257550"/>
              <a:gd name="connsiteX23" fmla="*/ 2414588 w 2414588"/>
              <a:gd name="connsiteY23" fmla="*/ 132741 h 3257550"/>
              <a:gd name="connsiteX24" fmla="*/ 2414588 w 2414588"/>
              <a:gd name="connsiteY24" fmla="*/ 404573 h 3257550"/>
              <a:gd name="connsiteX25" fmla="*/ 2414588 w 2414588"/>
              <a:gd name="connsiteY25" fmla="*/ 659421 h 3257550"/>
              <a:gd name="connsiteX26" fmla="*/ 2414588 w 2414588"/>
              <a:gd name="connsiteY26" fmla="*/ 897833 h 3257550"/>
              <a:gd name="connsiteX27" fmla="*/ 2414588 w 2414588"/>
              <a:gd name="connsiteY27" fmla="*/ 1120357 h 3257550"/>
              <a:gd name="connsiteX28" fmla="*/ 2414588 w 2414588"/>
              <a:gd name="connsiteY28" fmla="*/ 1327541 h 3257550"/>
              <a:gd name="connsiteX29" fmla="*/ 2414588 w 2414588"/>
              <a:gd name="connsiteY29" fmla="*/ 1519933 h 3257550"/>
              <a:gd name="connsiteX30" fmla="*/ 2414588 w 2414588"/>
              <a:gd name="connsiteY30" fmla="*/ 1698080 h 3257550"/>
              <a:gd name="connsiteX31" fmla="*/ 2414588 w 2414588"/>
              <a:gd name="connsiteY31" fmla="*/ 1862530 h 3257550"/>
              <a:gd name="connsiteX32" fmla="*/ 2414588 w 2414588"/>
              <a:gd name="connsiteY32" fmla="*/ 2013832 h 3257550"/>
              <a:gd name="connsiteX33" fmla="*/ 2414588 w 2414588"/>
              <a:gd name="connsiteY33" fmla="*/ 2152533 h 3257550"/>
              <a:gd name="connsiteX34" fmla="*/ 2414588 w 2414588"/>
              <a:gd name="connsiteY34" fmla="*/ 2279181 h 3257550"/>
              <a:gd name="connsiteX35" fmla="*/ 2414588 w 2414588"/>
              <a:gd name="connsiteY35" fmla="*/ 2394324 h 3257550"/>
              <a:gd name="connsiteX36" fmla="*/ 2414588 w 2414588"/>
              <a:gd name="connsiteY36" fmla="*/ 2498509 h 3257550"/>
              <a:gd name="connsiteX37" fmla="*/ 2414588 w 2414588"/>
              <a:gd name="connsiteY37" fmla="*/ 2592285 h 3257550"/>
              <a:gd name="connsiteX38" fmla="*/ 2414588 w 2414588"/>
              <a:gd name="connsiteY38" fmla="*/ 2750801 h 3257550"/>
              <a:gd name="connsiteX39" fmla="*/ 2414588 w 2414588"/>
              <a:gd name="connsiteY39" fmla="*/ 2874253 h 3257550"/>
              <a:gd name="connsiteX40" fmla="*/ 2414588 w 2414588"/>
              <a:gd name="connsiteY40" fmla="*/ 2967024 h 3257550"/>
              <a:gd name="connsiteX41" fmla="*/ 2414588 w 2414588"/>
              <a:gd name="connsiteY41" fmla="*/ 3033499 h 3257550"/>
              <a:gd name="connsiteX42" fmla="*/ 2414588 w 2414588"/>
              <a:gd name="connsiteY42" fmla="*/ 3078058 h 3257550"/>
              <a:gd name="connsiteX43" fmla="*/ 2414588 w 2414588"/>
              <a:gd name="connsiteY43" fmla="*/ 3105086 h 3257550"/>
              <a:gd name="connsiteX44" fmla="*/ 2414588 w 2414588"/>
              <a:gd name="connsiteY44" fmla="*/ 3118965 h 3257550"/>
              <a:gd name="connsiteX45" fmla="*/ 2414588 w 2414588"/>
              <a:gd name="connsiteY45" fmla="*/ 3124809 h 3257550"/>
              <a:gd name="connsiteX46" fmla="*/ 2281856 w 2414588"/>
              <a:gd name="connsiteY46" fmla="*/ 3257550 h 3257550"/>
              <a:gd name="connsiteX47" fmla="*/ 2086606 w 2414588"/>
              <a:gd name="connsiteY47" fmla="*/ 3257550 h 3257550"/>
              <a:gd name="connsiteX48" fmla="*/ 1903556 w 2414588"/>
              <a:gd name="connsiteY48" fmla="*/ 3257550 h 3257550"/>
              <a:gd name="connsiteX49" fmla="*/ 1732310 w 2414588"/>
              <a:gd name="connsiteY49" fmla="*/ 3257550 h 3257550"/>
              <a:gd name="connsiteX50" fmla="*/ 1572477 w 2414588"/>
              <a:gd name="connsiteY50" fmla="*/ 3257550 h 3257550"/>
              <a:gd name="connsiteX51" fmla="*/ 1423663 w 2414588"/>
              <a:gd name="connsiteY51" fmla="*/ 3257550 h 3257550"/>
              <a:gd name="connsiteX52" fmla="*/ 1285473 w 2414588"/>
              <a:gd name="connsiteY52" fmla="*/ 3257550 h 3257550"/>
              <a:gd name="connsiteX53" fmla="*/ 1157514 w 2414588"/>
              <a:gd name="connsiteY53" fmla="*/ 3257550 h 3257550"/>
              <a:gd name="connsiteX54" fmla="*/ 1039394 w 2414588"/>
              <a:gd name="connsiteY54" fmla="*/ 3257550 h 3257550"/>
              <a:gd name="connsiteX55" fmla="*/ 930718 w 2414588"/>
              <a:gd name="connsiteY55" fmla="*/ 3257550 h 3257550"/>
              <a:gd name="connsiteX56" fmla="*/ 831093 w 2414588"/>
              <a:gd name="connsiteY56" fmla="*/ 3257550 h 3257550"/>
              <a:gd name="connsiteX57" fmla="*/ 740125 w 2414588"/>
              <a:gd name="connsiteY57" fmla="*/ 3257550 h 3257550"/>
              <a:gd name="connsiteX58" fmla="*/ 657421 w 2414588"/>
              <a:gd name="connsiteY58" fmla="*/ 3257550 h 3257550"/>
              <a:gd name="connsiteX59" fmla="*/ 582587 w 2414588"/>
              <a:gd name="connsiteY59" fmla="*/ 3257550 h 3257550"/>
              <a:gd name="connsiteX60" fmla="*/ 515231 w 2414588"/>
              <a:gd name="connsiteY60" fmla="*/ 3257550 h 3257550"/>
              <a:gd name="connsiteX61" fmla="*/ 401373 w 2414588"/>
              <a:gd name="connsiteY61" fmla="*/ 3257550 h 3257550"/>
              <a:gd name="connsiteX62" fmla="*/ 312701 w 2414588"/>
              <a:gd name="connsiteY62" fmla="*/ 3257550 h 3257550"/>
              <a:gd name="connsiteX63" fmla="*/ 246065 w 2414588"/>
              <a:gd name="connsiteY63" fmla="*/ 3257550 h 3257550"/>
              <a:gd name="connsiteX64" fmla="*/ 198319 w 2414588"/>
              <a:gd name="connsiteY64" fmla="*/ 3257550 h 3257550"/>
              <a:gd name="connsiteX65" fmla="*/ 166313 w 2414588"/>
              <a:gd name="connsiteY65" fmla="*/ 3257550 h 3257550"/>
              <a:gd name="connsiteX66" fmla="*/ 146899 w 2414588"/>
              <a:gd name="connsiteY66" fmla="*/ 3257550 h 3257550"/>
              <a:gd name="connsiteX67" fmla="*/ 136930 w 2414588"/>
              <a:gd name="connsiteY67" fmla="*/ 3257550 h 3257550"/>
              <a:gd name="connsiteX68" fmla="*/ 132733 w 2414588"/>
              <a:gd name="connsiteY68" fmla="*/ 3257550 h 3257550"/>
              <a:gd name="connsiteX69" fmla="*/ 0 w 2414588"/>
              <a:gd name="connsiteY69" fmla="*/ 3124809 h 3257550"/>
              <a:gd name="connsiteX70" fmla="*/ 0 w 2414588"/>
              <a:gd name="connsiteY70" fmla="*/ 2852977 h 3257550"/>
              <a:gd name="connsiteX71" fmla="*/ 0 w 2414588"/>
              <a:gd name="connsiteY71" fmla="*/ 2598129 h 3257550"/>
              <a:gd name="connsiteX72" fmla="*/ 0 w 2414588"/>
              <a:gd name="connsiteY72" fmla="*/ 2359717 h 3257550"/>
              <a:gd name="connsiteX73" fmla="*/ 0 w 2414588"/>
              <a:gd name="connsiteY73" fmla="*/ 2137193 h 3257550"/>
              <a:gd name="connsiteX74" fmla="*/ 0 w 2414588"/>
              <a:gd name="connsiteY74" fmla="*/ 1930009 h 3257550"/>
              <a:gd name="connsiteX75" fmla="*/ 0 w 2414588"/>
              <a:gd name="connsiteY75" fmla="*/ 1737617 h 3257550"/>
              <a:gd name="connsiteX76" fmla="*/ 0 w 2414588"/>
              <a:gd name="connsiteY76" fmla="*/ 1559470 h 3257550"/>
              <a:gd name="connsiteX77" fmla="*/ 0 w 2414588"/>
              <a:gd name="connsiteY77" fmla="*/ 1395020 h 3257550"/>
              <a:gd name="connsiteX78" fmla="*/ 0 w 2414588"/>
              <a:gd name="connsiteY78" fmla="*/ 1243718 h 3257550"/>
              <a:gd name="connsiteX79" fmla="*/ 0 w 2414588"/>
              <a:gd name="connsiteY79" fmla="*/ 1105017 h 3257550"/>
              <a:gd name="connsiteX80" fmla="*/ 0 w 2414588"/>
              <a:gd name="connsiteY80" fmla="*/ 978369 h 3257550"/>
              <a:gd name="connsiteX81" fmla="*/ 0 w 2414588"/>
              <a:gd name="connsiteY81" fmla="*/ 863226 h 3257550"/>
              <a:gd name="connsiteX82" fmla="*/ 0 w 2414588"/>
              <a:gd name="connsiteY82" fmla="*/ 759041 h 3257550"/>
              <a:gd name="connsiteX83" fmla="*/ 0 w 2414588"/>
              <a:gd name="connsiteY83" fmla="*/ 665265 h 3257550"/>
              <a:gd name="connsiteX84" fmla="*/ 0 w 2414588"/>
              <a:gd name="connsiteY84" fmla="*/ 506750 h 3257550"/>
              <a:gd name="connsiteX85" fmla="*/ 0 w 2414588"/>
              <a:gd name="connsiteY85" fmla="*/ 383298 h 3257550"/>
              <a:gd name="connsiteX86" fmla="*/ 0 w 2414588"/>
              <a:gd name="connsiteY86" fmla="*/ 290526 h 3257550"/>
              <a:gd name="connsiteX87" fmla="*/ 0 w 2414588"/>
              <a:gd name="connsiteY87" fmla="*/ 224052 h 3257550"/>
              <a:gd name="connsiteX88" fmla="*/ 0 w 2414588"/>
              <a:gd name="connsiteY88" fmla="*/ 179492 h 3257550"/>
              <a:gd name="connsiteX89" fmla="*/ 0 w 2414588"/>
              <a:gd name="connsiteY89" fmla="*/ 152464 h 3257550"/>
              <a:gd name="connsiteX90" fmla="*/ 0 w 2414588"/>
              <a:gd name="connsiteY90" fmla="*/ 138585 h 3257550"/>
              <a:gd name="connsiteX91" fmla="*/ 0 w 2414588"/>
              <a:gd name="connsiteY91" fmla="*/ 132741 h 3257550"/>
              <a:gd name="connsiteX92" fmla="*/ 132733 w 2414588"/>
              <a:gd name="connsiteY92" fmla="*/ 0 h 32575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</a:cxnLst>
            <a:rect l="l" t="t" r="r" b="b"/>
            <a:pathLst>
              <a:path w="2414588" h="3257550">
                <a:moveTo>
                  <a:pt x="132733" y="0"/>
                </a:moveTo>
                <a:lnTo>
                  <a:pt x="327982" y="0"/>
                </a:lnTo>
                <a:lnTo>
                  <a:pt x="511033" y="0"/>
                </a:lnTo>
                <a:lnTo>
                  <a:pt x="682278" y="0"/>
                </a:lnTo>
                <a:lnTo>
                  <a:pt x="842111" y="0"/>
                </a:lnTo>
                <a:lnTo>
                  <a:pt x="990926" y="0"/>
                </a:lnTo>
                <a:lnTo>
                  <a:pt x="1129116" y="0"/>
                </a:lnTo>
                <a:lnTo>
                  <a:pt x="1257074" y="0"/>
                </a:lnTo>
                <a:lnTo>
                  <a:pt x="1375194" y="0"/>
                </a:lnTo>
                <a:lnTo>
                  <a:pt x="1483871" y="0"/>
                </a:lnTo>
                <a:lnTo>
                  <a:pt x="1583496" y="0"/>
                </a:lnTo>
                <a:lnTo>
                  <a:pt x="1674464" y="0"/>
                </a:lnTo>
                <a:lnTo>
                  <a:pt x="1757167" y="0"/>
                </a:lnTo>
                <a:lnTo>
                  <a:pt x="1832001" y="0"/>
                </a:lnTo>
                <a:lnTo>
                  <a:pt x="1899358" y="0"/>
                </a:lnTo>
                <a:lnTo>
                  <a:pt x="2013215" y="0"/>
                </a:lnTo>
                <a:lnTo>
                  <a:pt x="2101888" y="0"/>
                </a:lnTo>
                <a:lnTo>
                  <a:pt x="2168523" y="0"/>
                </a:lnTo>
                <a:lnTo>
                  <a:pt x="2216270" y="0"/>
                </a:lnTo>
                <a:lnTo>
                  <a:pt x="2248276" y="0"/>
                </a:lnTo>
                <a:lnTo>
                  <a:pt x="2267689" y="0"/>
                </a:lnTo>
                <a:lnTo>
                  <a:pt x="2277658" y="0"/>
                </a:lnTo>
                <a:lnTo>
                  <a:pt x="2281856" y="0"/>
                </a:lnTo>
                <a:cubicBezTo>
                  <a:pt x="2355208" y="0"/>
                  <a:pt x="2414588" y="59384"/>
                  <a:pt x="2414588" y="132741"/>
                </a:cubicBezTo>
                <a:lnTo>
                  <a:pt x="2414588" y="404573"/>
                </a:lnTo>
                <a:lnTo>
                  <a:pt x="2414588" y="659421"/>
                </a:lnTo>
                <a:lnTo>
                  <a:pt x="2414588" y="897833"/>
                </a:lnTo>
                <a:lnTo>
                  <a:pt x="2414588" y="1120357"/>
                </a:lnTo>
                <a:lnTo>
                  <a:pt x="2414588" y="1327541"/>
                </a:lnTo>
                <a:lnTo>
                  <a:pt x="2414588" y="1519933"/>
                </a:lnTo>
                <a:lnTo>
                  <a:pt x="2414588" y="1698080"/>
                </a:lnTo>
                <a:lnTo>
                  <a:pt x="2414588" y="1862530"/>
                </a:lnTo>
                <a:lnTo>
                  <a:pt x="2414588" y="2013832"/>
                </a:lnTo>
                <a:lnTo>
                  <a:pt x="2414588" y="2152533"/>
                </a:lnTo>
                <a:lnTo>
                  <a:pt x="2414588" y="2279181"/>
                </a:lnTo>
                <a:lnTo>
                  <a:pt x="2414588" y="2394324"/>
                </a:lnTo>
                <a:lnTo>
                  <a:pt x="2414588" y="2498509"/>
                </a:lnTo>
                <a:lnTo>
                  <a:pt x="2414588" y="2592285"/>
                </a:lnTo>
                <a:lnTo>
                  <a:pt x="2414588" y="2750801"/>
                </a:lnTo>
                <a:lnTo>
                  <a:pt x="2414588" y="2874253"/>
                </a:lnTo>
                <a:lnTo>
                  <a:pt x="2414588" y="2967024"/>
                </a:lnTo>
                <a:lnTo>
                  <a:pt x="2414588" y="3033499"/>
                </a:lnTo>
                <a:lnTo>
                  <a:pt x="2414588" y="3078058"/>
                </a:lnTo>
                <a:lnTo>
                  <a:pt x="2414588" y="3105086"/>
                </a:lnTo>
                <a:lnTo>
                  <a:pt x="2414588" y="3118965"/>
                </a:lnTo>
                <a:lnTo>
                  <a:pt x="2414588" y="3124809"/>
                </a:lnTo>
                <a:cubicBezTo>
                  <a:pt x="2414588" y="3198166"/>
                  <a:pt x="2355208" y="3257550"/>
                  <a:pt x="2281856" y="3257550"/>
                </a:cubicBezTo>
                <a:lnTo>
                  <a:pt x="2086606" y="3257550"/>
                </a:lnTo>
                <a:lnTo>
                  <a:pt x="1903556" y="3257550"/>
                </a:lnTo>
                <a:lnTo>
                  <a:pt x="1732310" y="3257550"/>
                </a:lnTo>
                <a:lnTo>
                  <a:pt x="1572477" y="3257550"/>
                </a:lnTo>
                <a:lnTo>
                  <a:pt x="1423663" y="3257550"/>
                </a:lnTo>
                <a:lnTo>
                  <a:pt x="1285473" y="3257550"/>
                </a:lnTo>
                <a:lnTo>
                  <a:pt x="1157514" y="3257550"/>
                </a:lnTo>
                <a:lnTo>
                  <a:pt x="1039394" y="3257550"/>
                </a:lnTo>
                <a:lnTo>
                  <a:pt x="930718" y="3257550"/>
                </a:lnTo>
                <a:lnTo>
                  <a:pt x="831093" y="3257550"/>
                </a:lnTo>
                <a:lnTo>
                  <a:pt x="740125" y="3257550"/>
                </a:lnTo>
                <a:lnTo>
                  <a:pt x="657421" y="3257550"/>
                </a:lnTo>
                <a:lnTo>
                  <a:pt x="582587" y="3257550"/>
                </a:lnTo>
                <a:lnTo>
                  <a:pt x="515231" y="3257550"/>
                </a:lnTo>
                <a:lnTo>
                  <a:pt x="401373" y="3257550"/>
                </a:lnTo>
                <a:lnTo>
                  <a:pt x="312701" y="3257550"/>
                </a:lnTo>
                <a:lnTo>
                  <a:pt x="246065" y="3257550"/>
                </a:lnTo>
                <a:lnTo>
                  <a:pt x="198319" y="3257550"/>
                </a:lnTo>
                <a:lnTo>
                  <a:pt x="166313" y="3257550"/>
                </a:lnTo>
                <a:lnTo>
                  <a:pt x="146899" y="3257550"/>
                </a:lnTo>
                <a:lnTo>
                  <a:pt x="136930" y="3257550"/>
                </a:lnTo>
                <a:lnTo>
                  <a:pt x="132733" y="3257550"/>
                </a:lnTo>
                <a:cubicBezTo>
                  <a:pt x="59381" y="3257550"/>
                  <a:pt x="0" y="3198166"/>
                  <a:pt x="0" y="3124809"/>
                </a:cubicBezTo>
                <a:lnTo>
                  <a:pt x="0" y="2852977"/>
                </a:lnTo>
                <a:lnTo>
                  <a:pt x="0" y="2598129"/>
                </a:lnTo>
                <a:lnTo>
                  <a:pt x="0" y="2359717"/>
                </a:lnTo>
                <a:lnTo>
                  <a:pt x="0" y="2137193"/>
                </a:lnTo>
                <a:lnTo>
                  <a:pt x="0" y="1930009"/>
                </a:lnTo>
                <a:lnTo>
                  <a:pt x="0" y="1737617"/>
                </a:lnTo>
                <a:lnTo>
                  <a:pt x="0" y="1559470"/>
                </a:lnTo>
                <a:lnTo>
                  <a:pt x="0" y="1395020"/>
                </a:lnTo>
                <a:lnTo>
                  <a:pt x="0" y="1243718"/>
                </a:lnTo>
                <a:lnTo>
                  <a:pt x="0" y="1105017"/>
                </a:lnTo>
                <a:lnTo>
                  <a:pt x="0" y="978369"/>
                </a:lnTo>
                <a:lnTo>
                  <a:pt x="0" y="863226"/>
                </a:lnTo>
                <a:lnTo>
                  <a:pt x="0" y="759041"/>
                </a:lnTo>
                <a:lnTo>
                  <a:pt x="0" y="665265"/>
                </a:lnTo>
                <a:lnTo>
                  <a:pt x="0" y="506750"/>
                </a:lnTo>
                <a:lnTo>
                  <a:pt x="0" y="383298"/>
                </a:lnTo>
                <a:lnTo>
                  <a:pt x="0" y="290526"/>
                </a:lnTo>
                <a:lnTo>
                  <a:pt x="0" y="224052"/>
                </a:lnTo>
                <a:lnTo>
                  <a:pt x="0" y="179492"/>
                </a:lnTo>
                <a:lnTo>
                  <a:pt x="0" y="152464"/>
                </a:lnTo>
                <a:lnTo>
                  <a:pt x="0" y="138585"/>
                </a:lnTo>
                <a:lnTo>
                  <a:pt x="0" y="132741"/>
                </a:lnTo>
                <a:cubicBezTo>
                  <a:pt x="0" y="59384"/>
                  <a:pt x="59381" y="0"/>
                  <a:pt x="132733" y="0"/>
                </a:cubicBezTo>
                <a:close/>
              </a:path>
            </a:pathLst>
          </a:custGeom>
          <a:solidFill>
            <a:srgbClr val="365FF8"/>
          </a:solidFill>
          <a:ln>
            <a:noFill/>
          </a:ln>
          <a:effectLst>
            <a:outerShdw blurRad="101600" dist="76200" dir="2700000" sx="101000" sy="101000" algn="tl" rotWithShape="0">
              <a:prstClr val="black">
                <a:alpha val="25000"/>
              </a:prstClr>
            </a:outerShdw>
          </a:effectLst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 dirty="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0" lvl="0"/>
            <a:r>
              <a:rPr lang="en-GB" dirty="0"/>
              <a:t> </a:t>
            </a:r>
          </a:p>
        </p:txBody>
      </p:sp>
      <p:sp>
        <p:nvSpPr>
          <p:cNvPr id="25" name="Frame 3 {PHJU}">
            <a:extLst>
              <a:ext uri="{FF2B5EF4-FFF2-40B4-BE49-F238E27FC236}">
                <a16:creationId xmlns:a16="http://schemas.microsoft.com/office/drawing/2014/main" id="{FF993EAF-D999-0E45-086E-55B6C0027244}"/>
              </a:ext>
            </a:extLst>
          </p:cNvPr>
          <p:cNvSpPr>
            <a:spLocks noGrp="1" noSelect="1"/>
          </p:cNvSpPr>
          <p:nvPr>
            <p:ph type="body" sz="quarter" idx="23" hasCustomPrompt="1"/>
          </p:nvPr>
        </p:nvSpPr>
        <p:spPr>
          <a:xfrm>
            <a:off x="7504114" y="1790700"/>
            <a:ext cx="2360612" cy="3276600"/>
          </a:xfrm>
          <a:custGeom>
            <a:avLst/>
            <a:gdLst>
              <a:gd name="connsiteX0" fmla="*/ 131744 w 2360612"/>
              <a:gd name="connsiteY0" fmla="*/ 0 h 3276600"/>
              <a:gd name="connsiteX1" fmla="*/ 322270 w 2360612"/>
              <a:gd name="connsiteY1" fmla="*/ 0 h 3276600"/>
              <a:gd name="connsiteX2" fmla="*/ 500891 w 2360612"/>
              <a:gd name="connsiteY2" fmla="*/ 0 h 3276600"/>
              <a:gd name="connsiteX3" fmla="*/ 667993 w 2360612"/>
              <a:gd name="connsiteY3" fmla="*/ 0 h 3276600"/>
              <a:gd name="connsiteX4" fmla="*/ 823959 w 2360612"/>
              <a:gd name="connsiteY4" fmla="*/ 0 h 3276600"/>
              <a:gd name="connsiteX5" fmla="*/ 969172 w 2360612"/>
              <a:gd name="connsiteY5" fmla="*/ 0 h 3276600"/>
              <a:gd name="connsiteX6" fmla="*/ 1104019 w 2360612"/>
              <a:gd name="connsiteY6" fmla="*/ 0 h 3276600"/>
              <a:gd name="connsiteX7" fmla="*/ 1228881 w 2360612"/>
              <a:gd name="connsiteY7" fmla="*/ 0 h 3276600"/>
              <a:gd name="connsiteX8" fmla="*/ 1344143 w 2360612"/>
              <a:gd name="connsiteY8" fmla="*/ 0 h 3276600"/>
              <a:gd name="connsiteX9" fmla="*/ 1450190 w 2360612"/>
              <a:gd name="connsiteY9" fmla="*/ 0 h 3276600"/>
              <a:gd name="connsiteX10" fmla="*/ 1547404 w 2360612"/>
              <a:gd name="connsiteY10" fmla="*/ 0 h 3276600"/>
              <a:gd name="connsiteX11" fmla="*/ 1636171 w 2360612"/>
              <a:gd name="connsiteY11" fmla="*/ 0 h 3276600"/>
              <a:gd name="connsiteX12" fmla="*/ 1716874 w 2360612"/>
              <a:gd name="connsiteY12" fmla="*/ 0 h 3276600"/>
              <a:gd name="connsiteX13" fmla="*/ 1789897 w 2360612"/>
              <a:gd name="connsiteY13" fmla="*/ 0 h 3276600"/>
              <a:gd name="connsiteX14" fmla="*/ 1855624 w 2360612"/>
              <a:gd name="connsiteY14" fmla="*/ 0 h 3276600"/>
              <a:gd name="connsiteX15" fmla="*/ 1966727 w 2360612"/>
              <a:gd name="connsiteY15" fmla="*/ 0 h 3276600"/>
              <a:gd name="connsiteX16" fmla="*/ 2053253 w 2360612"/>
              <a:gd name="connsiteY16" fmla="*/ 0 h 3276600"/>
              <a:gd name="connsiteX17" fmla="*/ 2118277 w 2360612"/>
              <a:gd name="connsiteY17" fmla="*/ 0 h 3276600"/>
              <a:gd name="connsiteX18" fmla="*/ 2164868 w 2360612"/>
              <a:gd name="connsiteY18" fmla="*/ 0 h 3276600"/>
              <a:gd name="connsiteX19" fmla="*/ 2196099 w 2360612"/>
              <a:gd name="connsiteY19" fmla="*/ 0 h 3276600"/>
              <a:gd name="connsiteX20" fmla="*/ 2215043 w 2360612"/>
              <a:gd name="connsiteY20" fmla="*/ 0 h 3276600"/>
              <a:gd name="connsiteX21" fmla="*/ 2224771 w 2360612"/>
              <a:gd name="connsiteY21" fmla="*/ 0 h 3276600"/>
              <a:gd name="connsiteX22" fmla="*/ 2228867 w 2360612"/>
              <a:gd name="connsiteY22" fmla="*/ 0 h 3276600"/>
              <a:gd name="connsiteX23" fmla="*/ 2360612 w 2360612"/>
              <a:gd name="connsiteY23" fmla="*/ 131420 h 3276600"/>
              <a:gd name="connsiteX24" fmla="*/ 2360612 w 2360612"/>
              <a:gd name="connsiteY24" fmla="*/ 3145181 h 3276600"/>
              <a:gd name="connsiteX25" fmla="*/ 2228867 w 2360612"/>
              <a:gd name="connsiteY25" fmla="*/ 3276600 h 3276600"/>
              <a:gd name="connsiteX26" fmla="*/ 2038342 w 2360612"/>
              <a:gd name="connsiteY26" fmla="*/ 3276600 h 3276600"/>
              <a:gd name="connsiteX27" fmla="*/ 1859720 w 2360612"/>
              <a:gd name="connsiteY27" fmla="*/ 3276600 h 3276600"/>
              <a:gd name="connsiteX28" fmla="*/ 1692618 w 2360612"/>
              <a:gd name="connsiteY28" fmla="*/ 3276600 h 3276600"/>
              <a:gd name="connsiteX29" fmla="*/ 1536653 w 2360612"/>
              <a:gd name="connsiteY29" fmla="*/ 3276600 h 3276600"/>
              <a:gd name="connsiteX30" fmla="*/ 1391439 w 2360612"/>
              <a:gd name="connsiteY30" fmla="*/ 3276600 h 3276600"/>
              <a:gd name="connsiteX31" fmla="*/ 1256592 w 2360612"/>
              <a:gd name="connsiteY31" fmla="*/ 3276600 h 3276600"/>
              <a:gd name="connsiteX32" fmla="*/ 1131730 w 2360612"/>
              <a:gd name="connsiteY32" fmla="*/ 3276600 h 3276600"/>
              <a:gd name="connsiteX33" fmla="*/ 1016468 w 2360612"/>
              <a:gd name="connsiteY33" fmla="*/ 3276600 h 3276600"/>
              <a:gd name="connsiteX34" fmla="*/ 910421 w 2360612"/>
              <a:gd name="connsiteY34" fmla="*/ 3276600 h 3276600"/>
              <a:gd name="connsiteX35" fmla="*/ 813207 w 2360612"/>
              <a:gd name="connsiteY35" fmla="*/ 3276600 h 3276600"/>
              <a:gd name="connsiteX36" fmla="*/ 724440 w 2360612"/>
              <a:gd name="connsiteY36" fmla="*/ 3276600 h 3276600"/>
              <a:gd name="connsiteX37" fmla="*/ 643737 w 2360612"/>
              <a:gd name="connsiteY37" fmla="*/ 3276600 h 3276600"/>
              <a:gd name="connsiteX38" fmla="*/ 570714 w 2360612"/>
              <a:gd name="connsiteY38" fmla="*/ 3276600 h 3276600"/>
              <a:gd name="connsiteX39" fmla="*/ 504987 w 2360612"/>
              <a:gd name="connsiteY39" fmla="*/ 3276600 h 3276600"/>
              <a:gd name="connsiteX40" fmla="*/ 393885 w 2360612"/>
              <a:gd name="connsiteY40" fmla="*/ 3276600 h 3276600"/>
              <a:gd name="connsiteX41" fmla="*/ 307358 w 2360612"/>
              <a:gd name="connsiteY41" fmla="*/ 3276600 h 3276600"/>
              <a:gd name="connsiteX42" fmla="*/ 242335 w 2360612"/>
              <a:gd name="connsiteY42" fmla="*/ 3276600 h 3276600"/>
              <a:gd name="connsiteX43" fmla="*/ 195743 w 2360612"/>
              <a:gd name="connsiteY43" fmla="*/ 3276600 h 3276600"/>
              <a:gd name="connsiteX44" fmla="*/ 164512 w 2360612"/>
              <a:gd name="connsiteY44" fmla="*/ 3276600 h 3276600"/>
              <a:gd name="connsiteX45" fmla="*/ 145568 w 2360612"/>
              <a:gd name="connsiteY45" fmla="*/ 3276600 h 3276600"/>
              <a:gd name="connsiteX46" fmla="*/ 135840 w 2360612"/>
              <a:gd name="connsiteY46" fmla="*/ 3276600 h 3276600"/>
              <a:gd name="connsiteX47" fmla="*/ 131744 w 2360612"/>
              <a:gd name="connsiteY47" fmla="*/ 3276600 h 3276600"/>
              <a:gd name="connsiteX48" fmla="*/ 10361 w 2360612"/>
              <a:gd name="connsiteY48" fmla="*/ 3196383 h 3276600"/>
              <a:gd name="connsiteX49" fmla="*/ 0 w 2360612"/>
              <a:gd name="connsiteY49" fmla="*/ 3145186 h 3276600"/>
              <a:gd name="connsiteX50" fmla="*/ 0 w 2360612"/>
              <a:gd name="connsiteY50" fmla="*/ 131415 h 3276600"/>
              <a:gd name="connsiteX51" fmla="*/ 10361 w 2360612"/>
              <a:gd name="connsiteY51" fmla="*/ 80218 h 3276600"/>
              <a:gd name="connsiteX52" fmla="*/ 131744 w 2360612"/>
              <a:gd name="connsiteY52" fmla="*/ 0 h 3276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</a:cxnLst>
            <a:rect l="l" t="t" r="r" b="b"/>
            <a:pathLst>
              <a:path w="2360612" h="3276600">
                <a:moveTo>
                  <a:pt x="131744" y="0"/>
                </a:moveTo>
                <a:lnTo>
                  <a:pt x="322270" y="0"/>
                </a:lnTo>
                <a:lnTo>
                  <a:pt x="500891" y="0"/>
                </a:lnTo>
                <a:lnTo>
                  <a:pt x="667993" y="0"/>
                </a:lnTo>
                <a:lnTo>
                  <a:pt x="823959" y="0"/>
                </a:lnTo>
                <a:lnTo>
                  <a:pt x="969172" y="0"/>
                </a:lnTo>
                <a:lnTo>
                  <a:pt x="1104019" y="0"/>
                </a:lnTo>
                <a:lnTo>
                  <a:pt x="1228881" y="0"/>
                </a:lnTo>
                <a:lnTo>
                  <a:pt x="1344143" y="0"/>
                </a:lnTo>
                <a:lnTo>
                  <a:pt x="1450190" y="0"/>
                </a:lnTo>
                <a:lnTo>
                  <a:pt x="1547404" y="0"/>
                </a:lnTo>
                <a:lnTo>
                  <a:pt x="1636171" y="0"/>
                </a:lnTo>
                <a:lnTo>
                  <a:pt x="1716874" y="0"/>
                </a:lnTo>
                <a:lnTo>
                  <a:pt x="1789897" y="0"/>
                </a:lnTo>
                <a:lnTo>
                  <a:pt x="1855624" y="0"/>
                </a:lnTo>
                <a:lnTo>
                  <a:pt x="1966727" y="0"/>
                </a:lnTo>
                <a:lnTo>
                  <a:pt x="2053253" y="0"/>
                </a:lnTo>
                <a:lnTo>
                  <a:pt x="2118277" y="0"/>
                </a:lnTo>
                <a:lnTo>
                  <a:pt x="2164868" y="0"/>
                </a:lnTo>
                <a:lnTo>
                  <a:pt x="2196099" y="0"/>
                </a:lnTo>
                <a:lnTo>
                  <a:pt x="2215043" y="0"/>
                </a:lnTo>
                <a:lnTo>
                  <a:pt x="2224771" y="0"/>
                </a:lnTo>
                <a:lnTo>
                  <a:pt x="2228867" y="0"/>
                </a:lnTo>
                <a:cubicBezTo>
                  <a:pt x="2301565" y="0"/>
                  <a:pt x="2360612" y="58726"/>
                  <a:pt x="2360612" y="131420"/>
                </a:cubicBezTo>
                <a:cubicBezTo>
                  <a:pt x="2360612" y="3145181"/>
                  <a:pt x="2360612" y="3145181"/>
                  <a:pt x="2360612" y="3145181"/>
                </a:cubicBezTo>
                <a:cubicBezTo>
                  <a:pt x="2360612" y="3217874"/>
                  <a:pt x="2301565" y="3276600"/>
                  <a:pt x="2228867" y="3276600"/>
                </a:cubicBezTo>
                <a:lnTo>
                  <a:pt x="2038342" y="3276600"/>
                </a:lnTo>
                <a:lnTo>
                  <a:pt x="1859720" y="3276600"/>
                </a:lnTo>
                <a:lnTo>
                  <a:pt x="1692618" y="3276600"/>
                </a:lnTo>
                <a:lnTo>
                  <a:pt x="1536653" y="3276600"/>
                </a:lnTo>
                <a:lnTo>
                  <a:pt x="1391439" y="3276600"/>
                </a:lnTo>
                <a:lnTo>
                  <a:pt x="1256592" y="3276600"/>
                </a:lnTo>
                <a:lnTo>
                  <a:pt x="1131730" y="3276600"/>
                </a:lnTo>
                <a:lnTo>
                  <a:pt x="1016468" y="3276600"/>
                </a:lnTo>
                <a:lnTo>
                  <a:pt x="910421" y="3276600"/>
                </a:lnTo>
                <a:lnTo>
                  <a:pt x="813207" y="3276600"/>
                </a:lnTo>
                <a:lnTo>
                  <a:pt x="724440" y="3276600"/>
                </a:lnTo>
                <a:lnTo>
                  <a:pt x="643737" y="3276600"/>
                </a:lnTo>
                <a:lnTo>
                  <a:pt x="570714" y="3276600"/>
                </a:lnTo>
                <a:lnTo>
                  <a:pt x="504987" y="3276600"/>
                </a:lnTo>
                <a:lnTo>
                  <a:pt x="393885" y="3276600"/>
                </a:lnTo>
                <a:lnTo>
                  <a:pt x="307358" y="3276600"/>
                </a:lnTo>
                <a:lnTo>
                  <a:pt x="242335" y="3276600"/>
                </a:lnTo>
                <a:lnTo>
                  <a:pt x="195743" y="3276600"/>
                </a:lnTo>
                <a:lnTo>
                  <a:pt x="164512" y="3276600"/>
                </a:lnTo>
                <a:lnTo>
                  <a:pt x="145568" y="3276600"/>
                </a:lnTo>
                <a:lnTo>
                  <a:pt x="135840" y="3276600"/>
                </a:lnTo>
                <a:lnTo>
                  <a:pt x="131744" y="3276600"/>
                </a:lnTo>
                <a:cubicBezTo>
                  <a:pt x="77221" y="3276600"/>
                  <a:pt x="30376" y="3243567"/>
                  <a:pt x="10361" y="3196383"/>
                </a:cubicBezTo>
                <a:lnTo>
                  <a:pt x="0" y="3145186"/>
                </a:lnTo>
                <a:lnTo>
                  <a:pt x="0" y="131415"/>
                </a:lnTo>
                <a:lnTo>
                  <a:pt x="10361" y="80218"/>
                </a:lnTo>
                <a:cubicBezTo>
                  <a:pt x="30376" y="33034"/>
                  <a:pt x="77221" y="0"/>
                  <a:pt x="131744" y="0"/>
                </a:cubicBezTo>
                <a:close/>
              </a:path>
            </a:pathLst>
          </a:custGeom>
          <a:solidFill>
            <a:srgbClr val="DE6E63"/>
          </a:solidFill>
          <a:ln>
            <a:noFill/>
          </a:ln>
          <a:effectLst>
            <a:outerShdw blurRad="101600" dist="76200" dir="2700000" sx="101000" sy="101000" algn="tl" rotWithShape="0">
              <a:prstClr val="black">
                <a:alpha val="25000"/>
              </a:prstClr>
            </a:outerShdw>
          </a:effectLst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0" lvl="0"/>
            <a:r>
              <a:rPr lang="en-GB" dirty="0"/>
              <a:t> </a:t>
            </a:r>
          </a:p>
        </p:txBody>
      </p:sp>
      <p:sp>
        <p:nvSpPr>
          <p:cNvPr id="3" name="Frame text 4 [PHJU] (JU-Free)">
            <a:extLst>
              <a:ext uri="{FF2B5EF4-FFF2-40B4-BE49-F238E27FC236}">
                <a16:creationId xmlns:a16="http://schemas.microsoft.com/office/drawing/2014/main" id="{4CB44E50-BF4F-4583-E318-DDDA3D0B5B7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449997" y="2599082"/>
            <a:ext cx="2131943" cy="1068458"/>
          </a:xfrm>
        </p:spPr>
        <p:txBody>
          <a:bodyPr anchor="t" anchorCtr="0"/>
          <a:lstStyle>
            <a:lvl1pPr marL="0" indent="0" algn="ctr">
              <a:lnSpc>
                <a:spcPct val="98000"/>
              </a:lnSpc>
              <a:buFont typeface="Arial" panose="020B0604020202020204" pitchFamily="34" charset="0"/>
              <a:buNone/>
              <a:defRPr sz="2400">
                <a:latin typeface="Maison Neue Bold" panose="020B0804040000000000" pitchFamily="34" charset="0"/>
              </a:defRPr>
            </a:lvl1pPr>
            <a:lvl2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2pPr>
            <a:lvl3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3pPr>
            <a:lvl4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4pPr>
            <a:lvl5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5pPr>
            <a:lvl6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6pPr>
            <a:lvl7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7pPr>
            <a:lvl8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8pPr>
            <a:lvl9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Heading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4" name="Frame text 5 [PHJU] (JU-Free)">
            <a:extLst>
              <a:ext uri="{FF2B5EF4-FFF2-40B4-BE49-F238E27FC236}">
                <a16:creationId xmlns:a16="http://schemas.microsoft.com/office/drawing/2014/main" id="{EE74EA0C-77B0-2E59-DDC2-9C057A6AA1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449996" y="3925959"/>
            <a:ext cx="2131944" cy="775252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200"/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5" name="Frame text 6 [PHJU] (JU-Free)">
            <a:extLst>
              <a:ext uri="{FF2B5EF4-FFF2-40B4-BE49-F238E27FC236}">
                <a16:creationId xmlns:a16="http://schemas.microsoft.com/office/drawing/2014/main" id="{0A06DB17-B65C-67C3-314C-DD38C246AEFC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046698" y="2599082"/>
            <a:ext cx="2131943" cy="1068458"/>
          </a:xfrm>
        </p:spPr>
        <p:txBody>
          <a:bodyPr anchor="t" anchorCtr="0"/>
          <a:lstStyle>
            <a:lvl1pPr marL="0" indent="0" algn="ctr">
              <a:lnSpc>
                <a:spcPct val="98000"/>
              </a:lnSpc>
              <a:buFont typeface="Arial" panose="020B0604020202020204" pitchFamily="34" charset="0"/>
              <a:buNone/>
              <a:defRPr sz="2400">
                <a:solidFill>
                  <a:srgbClr val="FFFFFF"/>
                </a:solidFill>
                <a:latin typeface="Maison Neue Bold" panose="020B0804040000000000" pitchFamily="34" charset="0"/>
              </a:defRPr>
            </a:lvl1pPr>
            <a:lvl2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FFFFFF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FFFFFF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FFFFFF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FFFFFF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FFFFFF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FFFFFF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FFFFFF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FFFFFF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Heading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6" name="Frame text 7 [PHJU] (JU-Free)">
            <a:extLst>
              <a:ext uri="{FF2B5EF4-FFF2-40B4-BE49-F238E27FC236}">
                <a16:creationId xmlns:a16="http://schemas.microsoft.com/office/drawing/2014/main" id="{DF7BF9BD-7235-031A-40AF-47E4E38E13B0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046697" y="3925959"/>
            <a:ext cx="2131944" cy="775252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200">
                <a:solidFill>
                  <a:srgbClr val="FFFFFF"/>
                </a:solidFill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0" name="Frame text 8 [PHJU] (JU-Free)">
            <a:extLst>
              <a:ext uri="{FF2B5EF4-FFF2-40B4-BE49-F238E27FC236}">
                <a16:creationId xmlns:a16="http://schemas.microsoft.com/office/drawing/2014/main" id="{69113E70-BFBD-1E29-8A4F-E20A724CD8FE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610060" y="2599082"/>
            <a:ext cx="2131943" cy="1068458"/>
          </a:xfrm>
        </p:spPr>
        <p:txBody>
          <a:bodyPr anchor="t" anchorCtr="0"/>
          <a:lstStyle>
            <a:lvl1pPr marL="0" indent="0" algn="ctr">
              <a:lnSpc>
                <a:spcPct val="98000"/>
              </a:lnSpc>
              <a:buFont typeface="Arial" panose="020B0604020202020204" pitchFamily="34" charset="0"/>
              <a:buNone/>
              <a:defRPr sz="2400">
                <a:latin typeface="Maison Neue Bold" panose="020B0804040000000000" pitchFamily="34" charset="0"/>
              </a:defRPr>
            </a:lvl1pPr>
            <a:lvl2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2pPr>
            <a:lvl3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3pPr>
            <a:lvl4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4pPr>
            <a:lvl5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5pPr>
            <a:lvl6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6pPr>
            <a:lvl7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7pPr>
            <a:lvl8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8pPr>
            <a:lvl9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Heading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1" name="Frame text 9 [PHJU] (JU-Free)">
            <a:extLst>
              <a:ext uri="{FF2B5EF4-FFF2-40B4-BE49-F238E27FC236}">
                <a16:creationId xmlns:a16="http://schemas.microsoft.com/office/drawing/2014/main" id="{E55E00B8-2247-4A9C-FE1C-8329E4CE247B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610059" y="3925959"/>
            <a:ext cx="2131944" cy="775252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200"/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7729210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[Picture and heading (3)]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Frame 1 {PHJU}">
            <a:extLst>
              <a:ext uri="{FF2B5EF4-FFF2-40B4-BE49-F238E27FC236}">
                <a16:creationId xmlns:a16="http://schemas.microsoft.com/office/drawing/2014/main" id="{627C51A1-49F8-F3A8-C357-271507B62A13}"/>
              </a:ext>
            </a:extLst>
          </p:cNvPr>
          <p:cNvSpPr>
            <a:spLocks noGrp="1" noSelect="1"/>
          </p:cNvSpPr>
          <p:nvPr>
            <p:ph type="body" sz="quarter" idx="1008" hasCustomPrompt="1"/>
          </p:nvPr>
        </p:nvSpPr>
        <p:spPr>
          <a:xfrm>
            <a:off x="2320925" y="1790701"/>
            <a:ext cx="2400300" cy="3255962"/>
          </a:xfrm>
          <a:custGeom>
            <a:avLst/>
            <a:gdLst>
              <a:gd name="connsiteX0" fmla="*/ 132075 w 2400300"/>
              <a:gd name="connsiteY0" fmla="*/ 0 h 3255962"/>
              <a:gd name="connsiteX1" fmla="*/ 2267908 w 2400300"/>
              <a:gd name="connsiteY1" fmla="*/ 0 h 3255962"/>
              <a:gd name="connsiteX2" fmla="*/ 2319397 w 2400300"/>
              <a:gd name="connsiteY2" fmla="*/ 10370 h 3255962"/>
              <a:gd name="connsiteX3" fmla="*/ 2400300 w 2400300"/>
              <a:gd name="connsiteY3" fmla="*/ 132371 h 3255962"/>
              <a:gd name="connsiteX4" fmla="*/ 2400300 w 2400300"/>
              <a:gd name="connsiteY4" fmla="*/ 404155 h 3255962"/>
              <a:gd name="connsiteX5" fmla="*/ 2400300 w 2400300"/>
              <a:gd name="connsiteY5" fmla="*/ 658957 h 3255962"/>
              <a:gd name="connsiteX6" fmla="*/ 2400300 w 2400300"/>
              <a:gd name="connsiteY6" fmla="*/ 897327 h 3255962"/>
              <a:gd name="connsiteX7" fmla="*/ 2400300 w 2400300"/>
              <a:gd name="connsiteY7" fmla="*/ 1119812 h 3255962"/>
              <a:gd name="connsiteX8" fmla="*/ 2400300 w 2400300"/>
              <a:gd name="connsiteY8" fmla="*/ 1326959 h 3255962"/>
              <a:gd name="connsiteX9" fmla="*/ 2400300 w 2400300"/>
              <a:gd name="connsiteY9" fmla="*/ 1519317 h 3255962"/>
              <a:gd name="connsiteX10" fmla="*/ 2400300 w 2400300"/>
              <a:gd name="connsiteY10" fmla="*/ 1697432 h 3255962"/>
              <a:gd name="connsiteX11" fmla="*/ 2400300 w 2400300"/>
              <a:gd name="connsiteY11" fmla="*/ 1861853 h 3255962"/>
              <a:gd name="connsiteX12" fmla="*/ 2400300 w 2400300"/>
              <a:gd name="connsiteY12" fmla="*/ 2013128 h 3255962"/>
              <a:gd name="connsiteX13" fmla="*/ 2400300 w 2400300"/>
              <a:gd name="connsiteY13" fmla="*/ 2151805 h 3255962"/>
              <a:gd name="connsiteX14" fmla="*/ 2400300 w 2400300"/>
              <a:gd name="connsiteY14" fmla="*/ 2278430 h 3255962"/>
              <a:gd name="connsiteX15" fmla="*/ 2400300 w 2400300"/>
              <a:gd name="connsiteY15" fmla="*/ 2393552 h 3255962"/>
              <a:gd name="connsiteX16" fmla="*/ 2400300 w 2400300"/>
              <a:gd name="connsiteY16" fmla="*/ 2497719 h 3255962"/>
              <a:gd name="connsiteX17" fmla="*/ 2400300 w 2400300"/>
              <a:gd name="connsiteY17" fmla="*/ 2591479 h 3255962"/>
              <a:gd name="connsiteX18" fmla="*/ 2400300 w 2400300"/>
              <a:gd name="connsiteY18" fmla="*/ 2749966 h 3255962"/>
              <a:gd name="connsiteX19" fmla="*/ 2400300 w 2400300"/>
              <a:gd name="connsiteY19" fmla="*/ 2873396 h 3255962"/>
              <a:gd name="connsiteX20" fmla="*/ 2400300 w 2400300"/>
              <a:gd name="connsiteY20" fmla="*/ 2966151 h 3255962"/>
              <a:gd name="connsiteX21" fmla="*/ 2400300 w 2400300"/>
              <a:gd name="connsiteY21" fmla="*/ 3032614 h 3255962"/>
              <a:gd name="connsiteX22" fmla="*/ 2400300 w 2400300"/>
              <a:gd name="connsiteY22" fmla="*/ 3077165 h 3255962"/>
              <a:gd name="connsiteX23" fmla="*/ 2400300 w 2400300"/>
              <a:gd name="connsiteY23" fmla="*/ 3104189 h 3255962"/>
              <a:gd name="connsiteX24" fmla="*/ 2400300 w 2400300"/>
              <a:gd name="connsiteY24" fmla="*/ 3118065 h 3255962"/>
              <a:gd name="connsiteX25" fmla="*/ 2400300 w 2400300"/>
              <a:gd name="connsiteY25" fmla="*/ 3123908 h 3255962"/>
              <a:gd name="connsiteX26" fmla="*/ 2267903 w 2400300"/>
              <a:gd name="connsiteY26" fmla="*/ 3255962 h 3255962"/>
              <a:gd name="connsiteX27" fmla="*/ 132080 w 2400300"/>
              <a:gd name="connsiteY27" fmla="*/ 3255962 h 3255962"/>
              <a:gd name="connsiteX28" fmla="*/ 0 w 2400300"/>
              <a:gd name="connsiteY28" fmla="*/ 3123908 h 3255962"/>
              <a:gd name="connsiteX29" fmla="*/ 0 w 2400300"/>
              <a:gd name="connsiteY29" fmla="*/ 2852125 h 3255962"/>
              <a:gd name="connsiteX30" fmla="*/ 0 w 2400300"/>
              <a:gd name="connsiteY30" fmla="*/ 2597322 h 3255962"/>
              <a:gd name="connsiteX31" fmla="*/ 0 w 2400300"/>
              <a:gd name="connsiteY31" fmla="*/ 2358952 h 3255962"/>
              <a:gd name="connsiteX32" fmla="*/ 0 w 2400300"/>
              <a:gd name="connsiteY32" fmla="*/ 2136467 h 3255962"/>
              <a:gd name="connsiteX33" fmla="*/ 0 w 2400300"/>
              <a:gd name="connsiteY33" fmla="*/ 1929320 h 3255962"/>
              <a:gd name="connsiteX34" fmla="*/ 0 w 2400300"/>
              <a:gd name="connsiteY34" fmla="*/ 1736963 h 3255962"/>
              <a:gd name="connsiteX35" fmla="*/ 0 w 2400300"/>
              <a:gd name="connsiteY35" fmla="*/ 1558847 h 3255962"/>
              <a:gd name="connsiteX36" fmla="*/ 0 w 2400300"/>
              <a:gd name="connsiteY36" fmla="*/ 1394426 h 3255962"/>
              <a:gd name="connsiteX37" fmla="*/ 0 w 2400300"/>
              <a:gd name="connsiteY37" fmla="*/ 1243151 h 3255962"/>
              <a:gd name="connsiteX38" fmla="*/ 0 w 2400300"/>
              <a:gd name="connsiteY38" fmla="*/ 1104474 h 3255962"/>
              <a:gd name="connsiteX39" fmla="*/ 0 w 2400300"/>
              <a:gd name="connsiteY39" fmla="*/ 977849 h 3255962"/>
              <a:gd name="connsiteX40" fmla="*/ 0 w 2400300"/>
              <a:gd name="connsiteY40" fmla="*/ 862727 h 3255962"/>
              <a:gd name="connsiteX41" fmla="*/ 0 w 2400300"/>
              <a:gd name="connsiteY41" fmla="*/ 758560 h 3255962"/>
              <a:gd name="connsiteX42" fmla="*/ 0 w 2400300"/>
              <a:gd name="connsiteY42" fmla="*/ 664800 h 3255962"/>
              <a:gd name="connsiteX43" fmla="*/ 0 w 2400300"/>
              <a:gd name="connsiteY43" fmla="*/ 506313 h 3255962"/>
              <a:gd name="connsiteX44" fmla="*/ 0 w 2400300"/>
              <a:gd name="connsiteY44" fmla="*/ 382883 h 3255962"/>
              <a:gd name="connsiteX45" fmla="*/ 0 w 2400300"/>
              <a:gd name="connsiteY45" fmla="*/ 290128 h 3255962"/>
              <a:gd name="connsiteX46" fmla="*/ 0 w 2400300"/>
              <a:gd name="connsiteY46" fmla="*/ 223665 h 3255962"/>
              <a:gd name="connsiteX47" fmla="*/ 0 w 2400300"/>
              <a:gd name="connsiteY47" fmla="*/ 179114 h 3255962"/>
              <a:gd name="connsiteX48" fmla="*/ 0 w 2400300"/>
              <a:gd name="connsiteY48" fmla="*/ 152090 h 3255962"/>
              <a:gd name="connsiteX49" fmla="*/ 0 w 2400300"/>
              <a:gd name="connsiteY49" fmla="*/ 138214 h 3255962"/>
              <a:gd name="connsiteX50" fmla="*/ 0 w 2400300"/>
              <a:gd name="connsiteY50" fmla="*/ 132371 h 3255962"/>
              <a:gd name="connsiteX51" fmla="*/ 80635 w 2400300"/>
              <a:gd name="connsiteY51" fmla="*/ 10370 h 32559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</a:cxnLst>
            <a:rect l="l" t="t" r="r" b="b"/>
            <a:pathLst>
              <a:path w="2400300" h="3255962">
                <a:moveTo>
                  <a:pt x="132075" y="0"/>
                </a:moveTo>
                <a:lnTo>
                  <a:pt x="2267908" y="0"/>
                </a:lnTo>
                <a:lnTo>
                  <a:pt x="2319397" y="10370"/>
                </a:lnTo>
                <a:cubicBezTo>
                  <a:pt x="2366903" y="30414"/>
                  <a:pt x="2400300" y="77375"/>
                  <a:pt x="2400300" y="132371"/>
                </a:cubicBezTo>
                <a:lnTo>
                  <a:pt x="2400300" y="404155"/>
                </a:lnTo>
                <a:lnTo>
                  <a:pt x="2400300" y="658957"/>
                </a:lnTo>
                <a:lnTo>
                  <a:pt x="2400300" y="897327"/>
                </a:lnTo>
                <a:lnTo>
                  <a:pt x="2400300" y="1119812"/>
                </a:lnTo>
                <a:lnTo>
                  <a:pt x="2400300" y="1326959"/>
                </a:lnTo>
                <a:lnTo>
                  <a:pt x="2400300" y="1519317"/>
                </a:lnTo>
                <a:lnTo>
                  <a:pt x="2400300" y="1697432"/>
                </a:lnTo>
                <a:lnTo>
                  <a:pt x="2400300" y="1861853"/>
                </a:lnTo>
                <a:lnTo>
                  <a:pt x="2400300" y="2013128"/>
                </a:lnTo>
                <a:lnTo>
                  <a:pt x="2400300" y="2151805"/>
                </a:lnTo>
                <a:lnTo>
                  <a:pt x="2400300" y="2278430"/>
                </a:lnTo>
                <a:lnTo>
                  <a:pt x="2400300" y="2393552"/>
                </a:lnTo>
                <a:lnTo>
                  <a:pt x="2400300" y="2497719"/>
                </a:lnTo>
                <a:lnTo>
                  <a:pt x="2400300" y="2591479"/>
                </a:lnTo>
                <a:lnTo>
                  <a:pt x="2400300" y="2749966"/>
                </a:lnTo>
                <a:lnTo>
                  <a:pt x="2400300" y="2873396"/>
                </a:lnTo>
                <a:lnTo>
                  <a:pt x="2400300" y="2966151"/>
                </a:lnTo>
                <a:lnTo>
                  <a:pt x="2400300" y="3032614"/>
                </a:lnTo>
                <a:lnTo>
                  <a:pt x="2400300" y="3077165"/>
                </a:lnTo>
                <a:lnTo>
                  <a:pt x="2400300" y="3104189"/>
                </a:lnTo>
                <a:lnTo>
                  <a:pt x="2400300" y="3118065"/>
                </a:lnTo>
                <a:lnTo>
                  <a:pt x="2400300" y="3123908"/>
                </a:lnTo>
                <a:cubicBezTo>
                  <a:pt x="2400300" y="3196919"/>
                  <a:pt x="2340928" y="3255962"/>
                  <a:pt x="2267903" y="3255962"/>
                </a:cubicBezTo>
                <a:cubicBezTo>
                  <a:pt x="132080" y="3255962"/>
                  <a:pt x="132080" y="3255962"/>
                  <a:pt x="132080" y="3255962"/>
                </a:cubicBezTo>
                <a:cubicBezTo>
                  <a:pt x="59055" y="3255962"/>
                  <a:pt x="0" y="3196919"/>
                  <a:pt x="0" y="3123908"/>
                </a:cubicBezTo>
                <a:lnTo>
                  <a:pt x="0" y="2852125"/>
                </a:lnTo>
                <a:lnTo>
                  <a:pt x="0" y="2597322"/>
                </a:lnTo>
                <a:lnTo>
                  <a:pt x="0" y="2358952"/>
                </a:lnTo>
                <a:lnTo>
                  <a:pt x="0" y="2136467"/>
                </a:lnTo>
                <a:lnTo>
                  <a:pt x="0" y="1929320"/>
                </a:lnTo>
                <a:lnTo>
                  <a:pt x="0" y="1736963"/>
                </a:lnTo>
                <a:lnTo>
                  <a:pt x="0" y="1558847"/>
                </a:lnTo>
                <a:lnTo>
                  <a:pt x="0" y="1394426"/>
                </a:lnTo>
                <a:lnTo>
                  <a:pt x="0" y="1243151"/>
                </a:lnTo>
                <a:lnTo>
                  <a:pt x="0" y="1104474"/>
                </a:lnTo>
                <a:lnTo>
                  <a:pt x="0" y="977849"/>
                </a:lnTo>
                <a:lnTo>
                  <a:pt x="0" y="862727"/>
                </a:lnTo>
                <a:lnTo>
                  <a:pt x="0" y="758560"/>
                </a:lnTo>
                <a:lnTo>
                  <a:pt x="0" y="664800"/>
                </a:lnTo>
                <a:lnTo>
                  <a:pt x="0" y="506313"/>
                </a:lnTo>
                <a:lnTo>
                  <a:pt x="0" y="382883"/>
                </a:lnTo>
                <a:lnTo>
                  <a:pt x="0" y="290128"/>
                </a:lnTo>
                <a:lnTo>
                  <a:pt x="0" y="223665"/>
                </a:lnTo>
                <a:lnTo>
                  <a:pt x="0" y="179114"/>
                </a:lnTo>
                <a:lnTo>
                  <a:pt x="0" y="152090"/>
                </a:lnTo>
                <a:lnTo>
                  <a:pt x="0" y="138214"/>
                </a:lnTo>
                <a:lnTo>
                  <a:pt x="0" y="132371"/>
                </a:lnTo>
                <a:cubicBezTo>
                  <a:pt x="0" y="77375"/>
                  <a:pt x="33219" y="30414"/>
                  <a:pt x="80635" y="10370"/>
                </a:cubicBezTo>
                <a:close/>
              </a:path>
            </a:pathLst>
          </a:custGeom>
          <a:solidFill>
            <a:srgbClr val="F7F1DC"/>
          </a:solidFill>
          <a:ln>
            <a:noFill/>
          </a:ln>
          <a:effectLst>
            <a:outerShdw blurRad="101600" dist="76200" dir="2700000" sx="101000" sy="101000" algn="tl" rotWithShape="0">
              <a:prstClr val="black">
                <a:alpha val="25000"/>
              </a:prstClr>
            </a:outerShdw>
          </a:effec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468000" lvl="0" indent="-468000"/>
            <a:r>
              <a:rPr lang="en-GB"/>
              <a:t> </a:t>
            </a:r>
            <a:endParaRPr lang="en-GB" dirty="0"/>
          </a:p>
        </p:txBody>
      </p:sp>
      <p:sp>
        <p:nvSpPr>
          <p:cNvPr id="40" name="Frame 2 {PHJU}">
            <a:extLst>
              <a:ext uri="{FF2B5EF4-FFF2-40B4-BE49-F238E27FC236}">
                <a16:creationId xmlns:a16="http://schemas.microsoft.com/office/drawing/2014/main" id="{C4B427D5-B991-FAAF-1818-178C5D23E2C9}"/>
              </a:ext>
            </a:extLst>
          </p:cNvPr>
          <p:cNvSpPr>
            <a:spLocks noGrp="1" noSelect="1"/>
          </p:cNvSpPr>
          <p:nvPr>
            <p:ph type="body" sz="quarter" idx="1009" hasCustomPrompt="1"/>
          </p:nvPr>
        </p:nvSpPr>
        <p:spPr>
          <a:xfrm>
            <a:off x="4905375" y="1800225"/>
            <a:ext cx="2414588" cy="3257550"/>
          </a:xfrm>
          <a:custGeom>
            <a:avLst/>
            <a:gdLst>
              <a:gd name="connsiteX0" fmla="*/ 132733 w 2414588"/>
              <a:gd name="connsiteY0" fmla="*/ 0 h 3257550"/>
              <a:gd name="connsiteX1" fmla="*/ 327982 w 2414588"/>
              <a:gd name="connsiteY1" fmla="*/ 0 h 3257550"/>
              <a:gd name="connsiteX2" fmla="*/ 511033 w 2414588"/>
              <a:gd name="connsiteY2" fmla="*/ 0 h 3257550"/>
              <a:gd name="connsiteX3" fmla="*/ 682278 w 2414588"/>
              <a:gd name="connsiteY3" fmla="*/ 0 h 3257550"/>
              <a:gd name="connsiteX4" fmla="*/ 842111 w 2414588"/>
              <a:gd name="connsiteY4" fmla="*/ 0 h 3257550"/>
              <a:gd name="connsiteX5" fmla="*/ 990926 w 2414588"/>
              <a:gd name="connsiteY5" fmla="*/ 0 h 3257550"/>
              <a:gd name="connsiteX6" fmla="*/ 1129116 w 2414588"/>
              <a:gd name="connsiteY6" fmla="*/ 0 h 3257550"/>
              <a:gd name="connsiteX7" fmla="*/ 1257074 w 2414588"/>
              <a:gd name="connsiteY7" fmla="*/ 0 h 3257550"/>
              <a:gd name="connsiteX8" fmla="*/ 1375194 w 2414588"/>
              <a:gd name="connsiteY8" fmla="*/ 0 h 3257550"/>
              <a:gd name="connsiteX9" fmla="*/ 1483871 w 2414588"/>
              <a:gd name="connsiteY9" fmla="*/ 0 h 3257550"/>
              <a:gd name="connsiteX10" fmla="*/ 1583496 w 2414588"/>
              <a:gd name="connsiteY10" fmla="*/ 0 h 3257550"/>
              <a:gd name="connsiteX11" fmla="*/ 1674464 w 2414588"/>
              <a:gd name="connsiteY11" fmla="*/ 0 h 3257550"/>
              <a:gd name="connsiteX12" fmla="*/ 1757167 w 2414588"/>
              <a:gd name="connsiteY12" fmla="*/ 0 h 3257550"/>
              <a:gd name="connsiteX13" fmla="*/ 1832001 w 2414588"/>
              <a:gd name="connsiteY13" fmla="*/ 0 h 3257550"/>
              <a:gd name="connsiteX14" fmla="*/ 1899358 w 2414588"/>
              <a:gd name="connsiteY14" fmla="*/ 0 h 3257550"/>
              <a:gd name="connsiteX15" fmla="*/ 2013215 w 2414588"/>
              <a:gd name="connsiteY15" fmla="*/ 0 h 3257550"/>
              <a:gd name="connsiteX16" fmla="*/ 2101888 w 2414588"/>
              <a:gd name="connsiteY16" fmla="*/ 0 h 3257550"/>
              <a:gd name="connsiteX17" fmla="*/ 2168523 w 2414588"/>
              <a:gd name="connsiteY17" fmla="*/ 0 h 3257550"/>
              <a:gd name="connsiteX18" fmla="*/ 2216270 w 2414588"/>
              <a:gd name="connsiteY18" fmla="*/ 0 h 3257550"/>
              <a:gd name="connsiteX19" fmla="*/ 2248276 w 2414588"/>
              <a:gd name="connsiteY19" fmla="*/ 0 h 3257550"/>
              <a:gd name="connsiteX20" fmla="*/ 2267689 w 2414588"/>
              <a:gd name="connsiteY20" fmla="*/ 0 h 3257550"/>
              <a:gd name="connsiteX21" fmla="*/ 2277658 w 2414588"/>
              <a:gd name="connsiteY21" fmla="*/ 0 h 3257550"/>
              <a:gd name="connsiteX22" fmla="*/ 2281856 w 2414588"/>
              <a:gd name="connsiteY22" fmla="*/ 0 h 3257550"/>
              <a:gd name="connsiteX23" fmla="*/ 2414588 w 2414588"/>
              <a:gd name="connsiteY23" fmla="*/ 132741 h 3257550"/>
              <a:gd name="connsiteX24" fmla="*/ 2414588 w 2414588"/>
              <a:gd name="connsiteY24" fmla="*/ 404573 h 3257550"/>
              <a:gd name="connsiteX25" fmla="*/ 2414588 w 2414588"/>
              <a:gd name="connsiteY25" fmla="*/ 659421 h 3257550"/>
              <a:gd name="connsiteX26" fmla="*/ 2414588 w 2414588"/>
              <a:gd name="connsiteY26" fmla="*/ 897833 h 3257550"/>
              <a:gd name="connsiteX27" fmla="*/ 2414588 w 2414588"/>
              <a:gd name="connsiteY27" fmla="*/ 1120357 h 3257550"/>
              <a:gd name="connsiteX28" fmla="*/ 2414588 w 2414588"/>
              <a:gd name="connsiteY28" fmla="*/ 1327541 h 3257550"/>
              <a:gd name="connsiteX29" fmla="*/ 2414588 w 2414588"/>
              <a:gd name="connsiteY29" fmla="*/ 1519933 h 3257550"/>
              <a:gd name="connsiteX30" fmla="*/ 2414588 w 2414588"/>
              <a:gd name="connsiteY30" fmla="*/ 1698080 h 3257550"/>
              <a:gd name="connsiteX31" fmla="*/ 2414588 w 2414588"/>
              <a:gd name="connsiteY31" fmla="*/ 1862530 h 3257550"/>
              <a:gd name="connsiteX32" fmla="*/ 2414588 w 2414588"/>
              <a:gd name="connsiteY32" fmla="*/ 2013832 h 3257550"/>
              <a:gd name="connsiteX33" fmla="*/ 2414588 w 2414588"/>
              <a:gd name="connsiteY33" fmla="*/ 2152533 h 3257550"/>
              <a:gd name="connsiteX34" fmla="*/ 2414588 w 2414588"/>
              <a:gd name="connsiteY34" fmla="*/ 2279181 h 3257550"/>
              <a:gd name="connsiteX35" fmla="*/ 2414588 w 2414588"/>
              <a:gd name="connsiteY35" fmla="*/ 2394324 h 3257550"/>
              <a:gd name="connsiteX36" fmla="*/ 2414588 w 2414588"/>
              <a:gd name="connsiteY36" fmla="*/ 2498509 h 3257550"/>
              <a:gd name="connsiteX37" fmla="*/ 2414588 w 2414588"/>
              <a:gd name="connsiteY37" fmla="*/ 2592285 h 3257550"/>
              <a:gd name="connsiteX38" fmla="*/ 2414588 w 2414588"/>
              <a:gd name="connsiteY38" fmla="*/ 2750801 h 3257550"/>
              <a:gd name="connsiteX39" fmla="*/ 2414588 w 2414588"/>
              <a:gd name="connsiteY39" fmla="*/ 2874253 h 3257550"/>
              <a:gd name="connsiteX40" fmla="*/ 2414588 w 2414588"/>
              <a:gd name="connsiteY40" fmla="*/ 2967024 h 3257550"/>
              <a:gd name="connsiteX41" fmla="*/ 2414588 w 2414588"/>
              <a:gd name="connsiteY41" fmla="*/ 3033499 h 3257550"/>
              <a:gd name="connsiteX42" fmla="*/ 2414588 w 2414588"/>
              <a:gd name="connsiteY42" fmla="*/ 3078058 h 3257550"/>
              <a:gd name="connsiteX43" fmla="*/ 2414588 w 2414588"/>
              <a:gd name="connsiteY43" fmla="*/ 3105086 h 3257550"/>
              <a:gd name="connsiteX44" fmla="*/ 2414588 w 2414588"/>
              <a:gd name="connsiteY44" fmla="*/ 3118965 h 3257550"/>
              <a:gd name="connsiteX45" fmla="*/ 2414588 w 2414588"/>
              <a:gd name="connsiteY45" fmla="*/ 3124809 h 3257550"/>
              <a:gd name="connsiteX46" fmla="*/ 2281856 w 2414588"/>
              <a:gd name="connsiteY46" fmla="*/ 3257550 h 3257550"/>
              <a:gd name="connsiteX47" fmla="*/ 2086606 w 2414588"/>
              <a:gd name="connsiteY47" fmla="*/ 3257550 h 3257550"/>
              <a:gd name="connsiteX48" fmla="*/ 1903556 w 2414588"/>
              <a:gd name="connsiteY48" fmla="*/ 3257550 h 3257550"/>
              <a:gd name="connsiteX49" fmla="*/ 1732310 w 2414588"/>
              <a:gd name="connsiteY49" fmla="*/ 3257550 h 3257550"/>
              <a:gd name="connsiteX50" fmla="*/ 1572477 w 2414588"/>
              <a:gd name="connsiteY50" fmla="*/ 3257550 h 3257550"/>
              <a:gd name="connsiteX51" fmla="*/ 1423663 w 2414588"/>
              <a:gd name="connsiteY51" fmla="*/ 3257550 h 3257550"/>
              <a:gd name="connsiteX52" fmla="*/ 1285473 w 2414588"/>
              <a:gd name="connsiteY52" fmla="*/ 3257550 h 3257550"/>
              <a:gd name="connsiteX53" fmla="*/ 1157514 w 2414588"/>
              <a:gd name="connsiteY53" fmla="*/ 3257550 h 3257550"/>
              <a:gd name="connsiteX54" fmla="*/ 1039394 w 2414588"/>
              <a:gd name="connsiteY54" fmla="*/ 3257550 h 3257550"/>
              <a:gd name="connsiteX55" fmla="*/ 930718 w 2414588"/>
              <a:gd name="connsiteY55" fmla="*/ 3257550 h 3257550"/>
              <a:gd name="connsiteX56" fmla="*/ 831093 w 2414588"/>
              <a:gd name="connsiteY56" fmla="*/ 3257550 h 3257550"/>
              <a:gd name="connsiteX57" fmla="*/ 740125 w 2414588"/>
              <a:gd name="connsiteY57" fmla="*/ 3257550 h 3257550"/>
              <a:gd name="connsiteX58" fmla="*/ 657421 w 2414588"/>
              <a:gd name="connsiteY58" fmla="*/ 3257550 h 3257550"/>
              <a:gd name="connsiteX59" fmla="*/ 582587 w 2414588"/>
              <a:gd name="connsiteY59" fmla="*/ 3257550 h 3257550"/>
              <a:gd name="connsiteX60" fmla="*/ 515231 w 2414588"/>
              <a:gd name="connsiteY60" fmla="*/ 3257550 h 3257550"/>
              <a:gd name="connsiteX61" fmla="*/ 401373 w 2414588"/>
              <a:gd name="connsiteY61" fmla="*/ 3257550 h 3257550"/>
              <a:gd name="connsiteX62" fmla="*/ 312701 w 2414588"/>
              <a:gd name="connsiteY62" fmla="*/ 3257550 h 3257550"/>
              <a:gd name="connsiteX63" fmla="*/ 246065 w 2414588"/>
              <a:gd name="connsiteY63" fmla="*/ 3257550 h 3257550"/>
              <a:gd name="connsiteX64" fmla="*/ 198319 w 2414588"/>
              <a:gd name="connsiteY64" fmla="*/ 3257550 h 3257550"/>
              <a:gd name="connsiteX65" fmla="*/ 166313 w 2414588"/>
              <a:gd name="connsiteY65" fmla="*/ 3257550 h 3257550"/>
              <a:gd name="connsiteX66" fmla="*/ 146899 w 2414588"/>
              <a:gd name="connsiteY66" fmla="*/ 3257550 h 3257550"/>
              <a:gd name="connsiteX67" fmla="*/ 136930 w 2414588"/>
              <a:gd name="connsiteY67" fmla="*/ 3257550 h 3257550"/>
              <a:gd name="connsiteX68" fmla="*/ 132733 w 2414588"/>
              <a:gd name="connsiteY68" fmla="*/ 3257550 h 3257550"/>
              <a:gd name="connsiteX69" fmla="*/ 0 w 2414588"/>
              <a:gd name="connsiteY69" fmla="*/ 3124809 h 3257550"/>
              <a:gd name="connsiteX70" fmla="*/ 0 w 2414588"/>
              <a:gd name="connsiteY70" fmla="*/ 2852977 h 3257550"/>
              <a:gd name="connsiteX71" fmla="*/ 0 w 2414588"/>
              <a:gd name="connsiteY71" fmla="*/ 2598129 h 3257550"/>
              <a:gd name="connsiteX72" fmla="*/ 0 w 2414588"/>
              <a:gd name="connsiteY72" fmla="*/ 2359717 h 3257550"/>
              <a:gd name="connsiteX73" fmla="*/ 0 w 2414588"/>
              <a:gd name="connsiteY73" fmla="*/ 2137193 h 3257550"/>
              <a:gd name="connsiteX74" fmla="*/ 0 w 2414588"/>
              <a:gd name="connsiteY74" fmla="*/ 1930009 h 3257550"/>
              <a:gd name="connsiteX75" fmla="*/ 0 w 2414588"/>
              <a:gd name="connsiteY75" fmla="*/ 1737617 h 3257550"/>
              <a:gd name="connsiteX76" fmla="*/ 0 w 2414588"/>
              <a:gd name="connsiteY76" fmla="*/ 1559470 h 3257550"/>
              <a:gd name="connsiteX77" fmla="*/ 0 w 2414588"/>
              <a:gd name="connsiteY77" fmla="*/ 1395020 h 3257550"/>
              <a:gd name="connsiteX78" fmla="*/ 0 w 2414588"/>
              <a:gd name="connsiteY78" fmla="*/ 1243718 h 3257550"/>
              <a:gd name="connsiteX79" fmla="*/ 0 w 2414588"/>
              <a:gd name="connsiteY79" fmla="*/ 1105017 h 3257550"/>
              <a:gd name="connsiteX80" fmla="*/ 0 w 2414588"/>
              <a:gd name="connsiteY80" fmla="*/ 978369 h 3257550"/>
              <a:gd name="connsiteX81" fmla="*/ 0 w 2414588"/>
              <a:gd name="connsiteY81" fmla="*/ 863226 h 3257550"/>
              <a:gd name="connsiteX82" fmla="*/ 0 w 2414588"/>
              <a:gd name="connsiteY82" fmla="*/ 759041 h 3257550"/>
              <a:gd name="connsiteX83" fmla="*/ 0 w 2414588"/>
              <a:gd name="connsiteY83" fmla="*/ 665265 h 3257550"/>
              <a:gd name="connsiteX84" fmla="*/ 0 w 2414588"/>
              <a:gd name="connsiteY84" fmla="*/ 506750 h 3257550"/>
              <a:gd name="connsiteX85" fmla="*/ 0 w 2414588"/>
              <a:gd name="connsiteY85" fmla="*/ 383298 h 3257550"/>
              <a:gd name="connsiteX86" fmla="*/ 0 w 2414588"/>
              <a:gd name="connsiteY86" fmla="*/ 290526 h 3257550"/>
              <a:gd name="connsiteX87" fmla="*/ 0 w 2414588"/>
              <a:gd name="connsiteY87" fmla="*/ 224052 h 3257550"/>
              <a:gd name="connsiteX88" fmla="*/ 0 w 2414588"/>
              <a:gd name="connsiteY88" fmla="*/ 179492 h 3257550"/>
              <a:gd name="connsiteX89" fmla="*/ 0 w 2414588"/>
              <a:gd name="connsiteY89" fmla="*/ 152464 h 3257550"/>
              <a:gd name="connsiteX90" fmla="*/ 0 w 2414588"/>
              <a:gd name="connsiteY90" fmla="*/ 138585 h 3257550"/>
              <a:gd name="connsiteX91" fmla="*/ 0 w 2414588"/>
              <a:gd name="connsiteY91" fmla="*/ 132741 h 3257550"/>
              <a:gd name="connsiteX92" fmla="*/ 132733 w 2414588"/>
              <a:gd name="connsiteY92" fmla="*/ 0 h 32575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</a:cxnLst>
            <a:rect l="l" t="t" r="r" b="b"/>
            <a:pathLst>
              <a:path w="2414588" h="3257550">
                <a:moveTo>
                  <a:pt x="132733" y="0"/>
                </a:moveTo>
                <a:lnTo>
                  <a:pt x="327982" y="0"/>
                </a:lnTo>
                <a:lnTo>
                  <a:pt x="511033" y="0"/>
                </a:lnTo>
                <a:lnTo>
                  <a:pt x="682278" y="0"/>
                </a:lnTo>
                <a:lnTo>
                  <a:pt x="842111" y="0"/>
                </a:lnTo>
                <a:lnTo>
                  <a:pt x="990926" y="0"/>
                </a:lnTo>
                <a:lnTo>
                  <a:pt x="1129116" y="0"/>
                </a:lnTo>
                <a:lnTo>
                  <a:pt x="1257074" y="0"/>
                </a:lnTo>
                <a:lnTo>
                  <a:pt x="1375194" y="0"/>
                </a:lnTo>
                <a:lnTo>
                  <a:pt x="1483871" y="0"/>
                </a:lnTo>
                <a:lnTo>
                  <a:pt x="1583496" y="0"/>
                </a:lnTo>
                <a:lnTo>
                  <a:pt x="1674464" y="0"/>
                </a:lnTo>
                <a:lnTo>
                  <a:pt x="1757167" y="0"/>
                </a:lnTo>
                <a:lnTo>
                  <a:pt x="1832001" y="0"/>
                </a:lnTo>
                <a:lnTo>
                  <a:pt x="1899358" y="0"/>
                </a:lnTo>
                <a:lnTo>
                  <a:pt x="2013215" y="0"/>
                </a:lnTo>
                <a:lnTo>
                  <a:pt x="2101888" y="0"/>
                </a:lnTo>
                <a:lnTo>
                  <a:pt x="2168523" y="0"/>
                </a:lnTo>
                <a:lnTo>
                  <a:pt x="2216270" y="0"/>
                </a:lnTo>
                <a:lnTo>
                  <a:pt x="2248276" y="0"/>
                </a:lnTo>
                <a:lnTo>
                  <a:pt x="2267689" y="0"/>
                </a:lnTo>
                <a:lnTo>
                  <a:pt x="2277658" y="0"/>
                </a:lnTo>
                <a:lnTo>
                  <a:pt x="2281856" y="0"/>
                </a:lnTo>
                <a:cubicBezTo>
                  <a:pt x="2355208" y="0"/>
                  <a:pt x="2414588" y="59384"/>
                  <a:pt x="2414588" y="132741"/>
                </a:cubicBezTo>
                <a:lnTo>
                  <a:pt x="2414588" y="404573"/>
                </a:lnTo>
                <a:lnTo>
                  <a:pt x="2414588" y="659421"/>
                </a:lnTo>
                <a:lnTo>
                  <a:pt x="2414588" y="897833"/>
                </a:lnTo>
                <a:lnTo>
                  <a:pt x="2414588" y="1120357"/>
                </a:lnTo>
                <a:lnTo>
                  <a:pt x="2414588" y="1327541"/>
                </a:lnTo>
                <a:lnTo>
                  <a:pt x="2414588" y="1519933"/>
                </a:lnTo>
                <a:lnTo>
                  <a:pt x="2414588" y="1698080"/>
                </a:lnTo>
                <a:lnTo>
                  <a:pt x="2414588" y="1862530"/>
                </a:lnTo>
                <a:lnTo>
                  <a:pt x="2414588" y="2013832"/>
                </a:lnTo>
                <a:lnTo>
                  <a:pt x="2414588" y="2152533"/>
                </a:lnTo>
                <a:lnTo>
                  <a:pt x="2414588" y="2279181"/>
                </a:lnTo>
                <a:lnTo>
                  <a:pt x="2414588" y="2394324"/>
                </a:lnTo>
                <a:lnTo>
                  <a:pt x="2414588" y="2498509"/>
                </a:lnTo>
                <a:lnTo>
                  <a:pt x="2414588" y="2592285"/>
                </a:lnTo>
                <a:lnTo>
                  <a:pt x="2414588" y="2750801"/>
                </a:lnTo>
                <a:lnTo>
                  <a:pt x="2414588" y="2874253"/>
                </a:lnTo>
                <a:lnTo>
                  <a:pt x="2414588" y="2967024"/>
                </a:lnTo>
                <a:lnTo>
                  <a:pt x="2414588" y="3033499"/>
                </a:lnTo>
                <a:lnTo>
                  <a:pt x="2414588" y="3078058"/>
                </a:lnTo>
                <a:lnTo>
                  <a:pt x="2414588" y="3105086"/>
                </a:lnTo>
                <a:lnTo>
                  <a:pt x="2414588" y="3118965"/>
                </a:lnTo>
                <a:lnTo>
                  <a:pt x="2414588" y="3124809"/>
                </a:lnTo>
                <a:cubicBezTo>
                  <a:pt x="2414588" y="3198166"/>
                  <a:pt x="2355208" y="3257550"/>
                  <a:pt x="2281856" y="3257550"/>
                </a:cubicBezTo>
                <a:lnTo>
                  <a:pt x="2086606" y="3257550"/>
                </a:lnTo>
                <a:lnTo>
                  <a:pt x="1903556" y="3257550"/>
                </a:lnTo>
                <a:lnTo>
                  <a:pt x="1732310" y="3257550"/>
                </a:lnTo>
                <a:lnTo>
                  <a:pt x="1572477" y="3257550"/>
                </a:lnTo>
                <a:lnTo>
                  <a:pt x="1423663" y="3257550"/>
                </a:lnTo>
                <a:lnTo>
                  <a:pt x="1285473" y="3257550"/>
                </a:lnTo>
                <a:lnTo>
                  <a:pt x="1157514" y="3257550"/>
                </a:lnTo>
                <a:lnTo>
                  <a:pt x="1039394" y="3257550"/>
                </a:lnTo>
                <a:lnTo>
                  <a:pt x="930718" y="3257550"/>
                </a:lnTo>
                <a:lnTo>
                  <a:pt x="831093" y="3257550"/>
                </a:lnTo>
                <a:lnTo>
                  <a:pt x="740125" y="3257550"/>
                </a:lnTo>
                <a:lnTo>
                  <a:pt x="657421" y="3257550"/>
                </a:lnTo>
                <a:lnTo>
                  <a:pt x="582587" y="3257550"/>
                </a:lnTo>
                <a:lnTo>
                  <a:pt x="515231" y="3257550"/>
                </a:lnTo>
                <a:lnTo>
                  <a:pt x="401373" y="3257550"/>
                </a:lnTo>
                <a:lnTo>
                  <a:pt x="312701" y="3257550"/>
                </a:lnTo>
                <a:lnTo>
                  <a:pt x="246065" y="3257550"/>
                </a:lnTo>
                <a:lnTo>
                  <a:pt x="198319" y="3257550"/>
                </a:lnTo>
                <a:lnTo>
                  <a:pt x="166313" y="3257550"/>
                </a:lnTo>
                <a:lnTo>
                  <a:pt x="146899" y="3257550"/>
                </a:lnTo>
                <a:lnTo>
                  <a:pt x="136930" y="3257550"/>
                </a:lnTo>
                <a:lnTo>
                  <a:pt x="132733" y="3257550"/>
                </a:lnTo>
                <a:cubicBezTo>
                  <a:pt x="59381" y="3257550"/>
                  <a:pt x="0" y="3198166"/>
                  <a:pt x="0" y="3124809"/>
                </a:cubicBezTo>
                <a:lnTo>
                  <a:pt x="0" y="2852977"/>
                </a:lnTo>
                <a:lnTo>
                  <a:pt x="0" y="2598129"/>
                </a:lnTo>
                <a:lnTo>
                  <a:pt x="0" y="2359717"/>
                </a:lnTo>
                <a:lnTo>
                  <a:pt x="0" y="2137193"/>
                </a:lnTo>
                <a:lnTo>
                  <a:pt x="0" y="1930009"/>
                </a:lnTo>
                <a:lnTo>
                  <a:pt x="0" y="1737617"/>
                </a:lnTo>
                <a:lnTo>
                  <a:pt x="0" y="1559470"/>
                </a:lnTo>
                <a:lnTo>
                  <a:pt x="0" y="1395020"/>
                </a:lnTo>
                <a:lnTo>
                  <a:pt x="0" y="1243718"/>
                </a:lnTo>
                <a:lnTo>
                  <a:pt x="0" y="1105017"/>
                </a:lnTo>
                <a:lnTo>
                  <a:pt x="0" y="978369"/>
                </a:lnTo>
                <a:lnTo>
                  <a:pt x="0" y="863226"/>
                </a:lnTo>
                <a:lnTo>
                  <a:pt x="0" y="759041"/>
                </a:lnTo>
                <a:lnTo>
                  <a:pt x="0" y="665265"/>
                </a:lnTo>
                <a:lnTo>
                  <a:pt x="0" y="506750"/>
                </a:lnTo>
                <a:lnTo>
                  <a:pt x="0" y="383298"/>
                </a:lnTo>
                <a:lnTo>
                  <a:pt x="0" y="290526"/>
                </a:lnTo>
                <a:lnTo>
                  <a:pt x="0" y="224052"/>
                </a:lnTo>
                <a:lnTo>
                  <a:pt x="0" y="179492"/>
                </a:lnTo>
                <a:lnTo>
                  <a:pt x="0" y="152464"/>
                </a:lnTo>
                <a:lnTo>
                  <a:pt x="0" y="138585"/>
                </a:lnTo>
                <a:lnTo>
                  <a:pt x="0" y="132741"/>
                </a:lnTo>
                <a:cubicBezTo>
                  <a:pt x="0" y="59384"/>
                  <a:pt x="59381" y="0"/>
                  <a:pt x="132733" y="0"/>
                </a:cubicBezTo>
                <a:close/>
              </a:path>
            </a:pathLst>
          </a:custGeom>
          <a:solidFill>
            <a:srgbClr val="365FF8"/>
          </a:solidFill>
          <a:ln>
            <a:noFill/>
          </a:ln>
          <a:effectLst>
            <a:outerShdw blurRad="101600" dist="76200" dir="2700000" sx="101000" sy="101000" algn="tl" rotWithShape="0">
              <a:prstClr val="black">
                <a:alpha val="25000"/>
              </a:prstClr>
            </a:outerShdw>
          </a:effec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468000" lvl="0" indent="-468000"/>
            <a:r>
              <a:rPr lang="en-GB"/>
              <a:t> </a:t>
            </a:r>
            <a:endParaRPr lang="en-GB" dirty="0"/>
          </a:p>
        </p:txBody>
      </p:sp>
      <p:sp>
        <p:nvSpPr>
          <p:cNvPr id="44" name="Frame 3 {PHJU}">
            <a:extLst>
              <a:ext uri="{FF2B5EF4-FFF2-40B4-BE49-F238E27FC236}">
                <a16:creationId xmlns:a16="http://schemas.microsoft.com/office/drawing/2014/main" id="{62BC2DB8-939C-5EDE-DB79-C506A0936C0F}"/>
              </a:ext>
            </a:extLst>
          </p:cNvPr>
          <p:cNvSpPr>
            <a:spLocks noGrp="1" noSelect="1"/>
          </p:cNvSpPr>
          <p:nvPr>
            <p:ph type="body" sz="quarter" idx="1010" hasCustomPrompt="1"/>
          </p:nvPr>
        </p:nvSpPr>
        <p:spPr>
          <a:xfrm>
            <a:off x="7504114" y="1790700"/>
            <a:ext cx="2360612" cy="3276600"/>
          </a:xfrm>
          <a:custGeom>
            <a:avLst/>
            <a:gdLst>
              <a:gd name="connsiteX0" fmla="*/ 131744 w 2360612"/>
              <a:gd name="connsiteY0" fmla="*/ 0 h 3276600"/>
              <a:gd name="connsiteX1" fmla="*/ 322270 w 2360612"/>
              <a:gd name="connsiteY1" fmla="*/ 0 h 3276600"/>
              <a:gd name="connsiteX2" fmla="*/ 500891 w 2360612"/>
              <a:gd name="connsiteY2" fmla="*/ 0 h 3276600"/>
              <a:gd name="connsiteX3" fmla="*/ 667993 w 2360612"/>
              <a:gd name="connsiteY3" fmla="*/ 0 h 3276600"/>
              <a:gd name="connsiteX4" fmla="*/ 823959 w 2360612"/>
              <a:gd name="connsiteY4" fmla="*/ 0 h 3276600"/>
              <a:gd name="connsiteX5" fmla="*/ 969172 w 2360612"/>
              <a:gd name="connsiteY5" fmla="*/ 0 h 3276600"/>
              <a:gd name="connsiteX6" fmla="*/ 1104019 w 2360612"/>
              <a:gd name="connsiteY6" fmla="*/ 0 h 3276600"/>
              <a:gd name="connsiteX7" fmla="*/ 1228881 w 2360612"/>
              <a:gd name="connsiteY7" fmla="*/ 0 h 3276600"/>
              <a:gd name="connsiteX8" fmla="*/ 1344143 w 2360612"/>
              <a:gd name="connsiteY8" fmla="*/ 0 h 3276600"/>
              <a:gd name="connsiteX9" fmla="*/ 1450190 w 2360612"/>
              <a:gd name="connsiteY9" fmla="*/ 0 h 3276600"/>
              <a:gd name="connsiteX10" fmla="*/ 1547404 w 2360612"/>
              <a:gd name="connsiteY10" fmla="*/ 0 h 3276600"/>
              <a:gd name="connsiteX11" fmla="*/ 1636171 w 2360612"/>
              <a:gd name="connsiteY11" fmla="*/ 0 h 3276600"/>
              <a:gd name="connsiteX12" fmla="*/ 1716874 w 2360612"/>
              <a:gd name="connsiteY12" fmla="*/ 0 h 3276600"/>
              <a:gd name="connsiteX13" fmla="*/ 1789897 w 2360612"/>
              <a:gd name="connsiteY13" fmla="*/ 0 h 3276600"/>
              <a:gd name="connsiteX14" fmla="*/ 1855624 w 2360612"/>
              <a:gd name="connsiteY14" fmla="*/ 0 h 3276600"/>
              <a:gd name="connsiteX15" fmla="*/ 1966727 w 2360612"/>
              <a:gd name="connsiteY15" fmla="*/ 0 h 3276600"/>
              <a:gd name="connsiteX16" fmla="*/ 2053253 w 2360612"/>
              <a:gd name="connsiteY16" fmla="*/ 0 h 3276600"/>
              <a:gd name="connsiteX17" fmla="*/ 2118277 w 2360612"/>
              <a:gd name="connsiteY17" fmla="*/ 0 h 3276600"/>
              <a:gd name="connsiteX18" fmla="*/ 2164868 w 2360612"/>
              <a:gd name="connsiteY18" fmla="*/ 0 h 3276600"/>
              <a:gd name="connsiteX19" fmla="*/ 2196099 w 2360612"/>
              <a:gd name="connsiteY19" fmla="*/ 0 h 3276600"/>
              <a:gd name="connsiteX20" fmla="*/ 2215043 w 2360612"/>
              <a:gd name="connsiteY20" fmla="*/ 0 h 3276600"/>
              <a:gd name="connsiteX21" fmla="*/ 2224771 w 2360612"/>
              <a:gd name="connsiteY21" fmla="*/ 0 h 3276600"/>
              <a:gd name="connsiteX22" fmla="*/ 2228867 w 2360612"/>
              <a:gd name="connsiteY22" fmla="*/ 0 h 3276600"/>
              <a:gd name="connsiteX23" fmla="*/ 2360612 w 2360612"/>
              <a:gd name="connsiteY23" fmla="*/ 131420 h 3276600"/>
              <a:gd name="connsiteX24" fmla="*/ 2360612 w 2360612"/>
              <a:gd name="connsiteY24" fmla="*/ 3145181 h 3276600"/>
              <a:gd name="connsiteX25" fmla="*/ 2228867 w 2360612"/>
              <a:gd name="connsiteY25" fmla="*/ 3276600 h 3276600"/>
              <a:gd name="connsiteX26" fmla="*/ 2038342 w 2360612"/>
              <a:gd name="connsiteY26" fmla="*/ 3276600 h 3276600"/>
              <a:gd name="connsiteX27" fmla="*/ 1859720 w 2360612"/>
              <a:gd name="connsiteY27" fmla="*/ 3276600 h 3276600"/>
              <a:gd name="connsiteX28" fmla="*/ 1692618 w 2360612"/>
              <a:gd name="connsiteY28" fmla="*/ 3276600 h 3276600"/>
              <a:gd name="connsiteX29" fmla="*/ 1536653 w 2360612"/>
              <a:gd name="connsiteY29" fmla="*/ 3276600 h 3276600"/>
              <a:gd name="connsiteX30" fmla="*/ 1391439 w 2360612"/>
              <a:gd name="connsiteY30" fmla="*/ 3276600 h 3276600"/>
              <a:gd name="connsiteX31" fmla="*/ 1256592 w 2360612"/>
              <a:gd name="connsiteY31" fmla="*/ 3276600 h 3276600"/>
              <a:gd name="connsiteX32" fmla="*/ 1131730 w 2360612"/>
              <a:gd name="connsiteY32" fmla="*/ 3276600 h 3276600"/>
              <a:gd name="connsiteX33" fmla="*/ 1016468 w 2360612"/>
              <a:gd name="connsiteY33" fmla="*/ 3276600 h 3276600"/>
              <a:gd name="connsiteX34" fmla="*/ 910421 w 2360612"/>
              <a:gd name="connsiteY34" fmla="*/ 3276600 h 3276600"/>
              <a:gd name="connsiteX35" fmla="*/ 813207 w 2360612"/>
              <a:gd name="connsiteY35" fmla="*/ 3276600 h 3276600"/>
              <a:gd name="connsiteX36" fmla="*/ 724440 w 2360612"/>
              <a:gd name="connsiteY36" fmla="*/ 3276600 h 3276600"/>
              <a:gd name="connsiteX37" fmla="*/ 643737 w 2360612"/>
              <a:gd name="connsiteY37" fmla="*/ 3276600 h 3276600"/>
              <a:gd name="connsiteX38" fmla="*/ 570714 w 2360612"/>
              <a:gd name="connsiteY38" fmla="*/ 3276600 h 3276600"/>
              <a:gd name="connsiteX39" fmla="*/ 504987 w 2360612"/>
              <a:gd name="connsiteY39" fmla="*/ 3276600 h 3276600"/>
              <a:gd name="connsiteX40" fmla="*/ 393885 w 2360612"/>
              <a:gd name="connsiteY40" fmla="*/ 3276600 h 3276600"/>
              <a:gd name="connsiteX41" fmla="*/ 307358 w 2360612"/>
              <a:gd name="connsiteY41" fmla="*/ 3276600 h 3276600"/>
              <a:gd name="connsiteX42" fmla="*/ 242335 w 2360612"/>
              <a:gd name="connsiteY42" fmla="*/ 3276600 h 3276600"/>
              <a:gd name="connsiteX43" fmla="*/ 195743 w 2360612"/>
              <a:gd name="connsiteY43" fmla="*/ 3276600 h 3276600"/>
              <a:gd name="connsiteX44" fmla="*/ 164512 w 2360612"/>
              <a:gd name="connsiteY44" fmla="*/ 3276600 h 3276600"/>
              <a:gd name="connsiteX45" fmla="*/ 145568 w 2360612"/>
              <a:gd name="connsiteY45" fmla="*/ 3276600 h 3276600"/>
              <a:gd name="connsiteX46" fmla="*/ 135840 w 2360612"/>
              <a:gd name="connsiteY46" fmla="*/ 3276600 h 3276600"/>
              <a:gd name="connsiteX47" fmla="*/ 131744 w 2360612"/>
              <a:gd name="connsiteY47" fmla="*/ 3276600 h 3276600"/>
              <a:gd name="connsiteX48" fmla="*/ 10361 w 2360612"/>
              <a:gd name="connsiteY48" fmla="*/ 3196383 h 3276600"/>
              <a:gd name="connsiteX49" fmla="*/ 0 w 2360612"/>
              <a:gd name="connsiteY49" fmla="*/ 3145186 h 3276600"/>
              <a:gd name="connsiteX50" fmla="*/ 0 w 2360612"/>
              <a:gd name="connsiteY50" fmla="*/ 131415 h 3276600"/>
              <a:gd name="connsiteX51" fmla="*/ 10361 w 2360612"/>
              <a:gd name="connsiteY51" fmla="*/ 80218 h 3276600"/>
              <a:gd name="connsiteX52" fmla="*/ 131744 w 2360612"/>
              <a:gd name="connsiteY52" fmla="*/ 0 h 3276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</a:cxnLst>
            <a:rect l="l" t="t" r="r" b="b"/>
            <a:pathLst>
              <a:path w="2360612" h="3276600">
                <a:moveTo>
                  <a:pt x="131744" y="0"/>
                </a:moveTo>
                <a:lnTo>
                  <a:pt x="322270" y="0"/>
                </a:lnTo>
                <a:lnTo>
                  <a:pt x="500891" y="0"/>
                </a:lnTo>
                <a:lnTo>
                  <a:pt x="667993" y="0"/>
                </a:lnTo>
                <a:lnTo>
                  <a:pt x="823959" y="0"/>
                </a:lnTo>
                <a:lnTo>
                  <a:pt x="969172" y="0"/>
                </a:lnTo>
                <a:lnTo>
                  <a:pt x="1104019" y="0"/>
                </a:lnTo>
                <a:lnTo>
                  <a:pt x="1228881" y="0"/>
                </a:lnTo>
                <a:lnTo>
                  <a:pt x="1344143" y="0"/>
                </a:lnTo>
                <a:lnTo>
                  <a:pt x="1450190" y="0"/>
                </a:lnTo>
                <a:lnTo>
                  <a:pt x="1547404" y="0"/>
                </a:lnTo>
                <a:lnTo>
                  <a:pt x="1636171" y="0"/>
                </a:lnTo>
                <a:lnTo>
                  <a:pt x="1716874" y="0"/>
                </a:lnTo>
                <a:lnTo>
                  <a:pt x="1789897" y="0"/>
                </a:lnTo>
                <a:lnTo>
                  <a:pt x="1855624" y="0"/>
                </a:lnTo>
                <a:lnTo>
                  <a:pt x="1966727" y="0"/>
                </a:lnTo>
                <a:lnTo>
                  <a:pt x="2053253" y="0"/>
                </a:lnTo>
                <a:lnTo>
                  <a:pt x="2118277" y="0"/>
                </a:lnTo>
                <a:lnTo>
                  <a:pt x="2164868" y="0"/>
                </a:lnTo>
                <a:lnTo>
                  <a:pt x="2196099" y="0"/>
                </a:lnTo>
                <a:lnTo>
                  <a:pt x="2215043" y="0"/>
                </a:lnTo>
                <a:lnTo>
                  <a:pt x="2224771" y="0"/>
                </a:lnTo>
                <a:lnTo>
                  <a:pt x="2228867" y="0"/>
                </a:lnTo>
                <a:cubicBezTo>
                  <a:pt x="2301565" y="0"/>
                  <a:pt x="2360612" y="58726"/>
                  <a:pt x="2360612" y="131420"/>
                </a:cubicBezTo>
                <a:cubicBezTo>
                  <a:pt x="2360612" y="3145181"/>
                  <a:pt x="2360612" y="3145181"/>
                  <a:pt x="2360612" y="3145181"/>
                </a:cubicBezTo>
                <a:cubicBezTo>
                  <a:pt x="2360612" y="3217874"/>
                  <a:pt x="2301565" y="3276600"/>
                  <a:pt x="2228867" y="3276600"/>
                </a:cubicBezTo>
                <a:lnTo>
                  <a:pt x="2038342" y="3276600"/>
                </a:lnTo>
                <a:lnTo>
                  <a:pt x="1859720" y="3276600"/>
                </a:lnTo>
                <a:lnTo>
                  <a:pt x="1692618" y="3276600"/>
                </a:lnTo>
                <a:lnTo>
                  <a:pt x="1536653" y="3276600"/>
                </a:lnTo>
                <a:lnTo>
                  <a:pt x="1391439" y="3276600"/>
                </a:lnTo>
                <a:lnTo>
                  <a:pt x="1256592" y="3276600"/>
                </a:lnTo>
                <a:lnTo>
                  <a:pt x="1131730" y="3276600"/>
                </a:lnTo>
                <a:lnTo>
                  <a:pt x="1016468" y="3276600"/>
                </a:lnTo>
                <a:lnTo>
                  <a:pt x="910421" y="3276600"/>
                </a:lnTo>
                <a:lnTo>
                  <a:pt x="813207" y="3276600"/>
                </a:lnTo>
                <a:lnTo>
                  <a:pt x="724440" y="3276600"/>
                </a:lnTo>
                <a:lnTo>
                  <a:pt x="643737" y="3276600"/>
                </a:lnTo>
                <a:lnTo>
                  <a:pt x="570714" y="3276600"/>
                </a:lnTo>
                <a:lnTo>
                  <a:pt x="504987" y="3276600"/>
                </a:lnTo>
                <a:lnTo>
                  <a:pt x="393885" y="3276600"/>
                </a:lnTo>
                <a:lnTo>
                  <a:pt x="307358" y="3276600"/>
                </a:lnTo>
                <a:lnTo>
                  <a:pt x="242335" y="3276600"/>
                </a:lnTo>
                <a:lnTo>
                  <a:pt x="195743" y="3276600"/>
                </a:lnTo>
                <a:lnTo>
                  <a:pt x="164512" y="3276600"/>
                </a:lnTo>
                <a:lnTo>
                  <a:pt x="145568" y="3276600"/>
                </a:lnTo>
                <a:lnTo>
                  <a:pt x="135840" y="3276600"/>
                </a:lnTo>
                <a:lnTo>
                  <a:pt x="131744" y="3276600"/>
                </a:lnTo>
                <a:cubicBezTo>
                  <a:pt x="77221" y="3276600"/>
                  <a:pt x="30376" y="3243567"/>
                  <a:pt x="10361" y="3196383"/>
                </a:cubicBezTo>
                <a:lnTo>
                  <a:pt x="0" y="3145186"/>
                </a:lnTo>
                <a:lnTo>
                  <a:pt x="0" y="131415"/>
                </a:lnTo>
                <a:lnTo>
                  <a:pt x="10361" y="80218"/>
                </a:lnTo>
                <a:cubicBezTo>
                  <a:pt x="30376" y="33034"/>
                  <a:pt x="77221" y="0"/>
                  <a:pt x="131744" y="0"/>
                </a:cubicBezTo>
                <a:close/>
              </a:path>
            </a:pathLst>
          </a:custGeom>
          <a:solidFill>
            <a:srgbClr val="CECFCB"/>
          </a:solidFill>
          <a:ln>
            <a:noFill/>
          </a:ln>
          <a:effectLst>
            <a:outerShdw blurRad="101600" dist="76200" dir="2700000" sx="101000" sy="101000" algn="tl" rotWithShape="0">
              <a:prstClr val="black">
                <a:alpha val="25000"/>
              </a:prstClr>
            </a:outerShdw>
          </a:effec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468000" lvl="0" indent="-468000"/>
            <a:r>
              <a:rPr lang="en-GB"/>
              <a:t> </a:t>
            </a:r>
            <a:endParaRPr lang="en-GB" dirty="0"/>
          </a:p>
        </p:txBody>
      </p:sp>
      <p:sp>
        <p:nvSpPr>
          <p:cNvPr id="38" name="Frame text 4 [PHJU] (JU-Free)">
            <a:extLst>
              <a:ext uri="{FF2B5EF4-FFF2-40B4-BE49-F238E27FC236}">
                <a16:creationId xmlns:a16="http://schemas.microsoft.com/office/drawing/2014/main" id="{750D50A3-005F-58C2-2185-FD0E1F0BC27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455103" y="3856382"/>
            <a:ext cx="2131943" cy="725557"/>
          </a:xfrm>
        </p:spPr>
        <p:txBody>
          <a:bodyPr anchor="t" anchorCtr="0"/>
          <a:lstStyle>
            <a:lvl1pPr marL="0" indent="0" algn="ctr">
              <a:lnSpc>
                <a:spcPct val="98000"/>
              </a:lnSpc>
              <a:buFont typeface="Arial" panose="020B0604020202020204" pitchFamily="34" charset="0"/>
              <a:buNone/>
              <a:defRPr sz="2400">
                <a:latin typeface="Maison Neue Bold" panose="020B0804040000000000" pitchFamily="34" charset="0"/>
              </a:defRPr>
            </a:lvl1pPr>
            <a:lvl2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2pPr>
            <a:lvl3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3pPr>
            <a:lvl4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4pPr>
            <a:lvl5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5pPr>
            <a:lvl6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6pPr>
            <a:lvl7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7pPr>
            <a:lvl8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8pPr>
            <a:lvl9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Heading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41" name="Frame text 5 [PHJU] (JU-Free)">
            <a:extLst>
              <a:ext uri="{FF2B5EF4-FFF2-40B4-BE49-F238E27FC236}">
                <a16:creationId xmlns:a16="http://schemas.microsoft.com/office/drawing/2014/main" id="{EC6994DE-67FC-E929-0F21-4CD0CD767074}"/>
              </a:ext>
            </a:extLst>
          </p:cNvPr>
          <p:cNvSpPr>
            <a:spLocks noGrp="1"/>
          </p:cNvSpPr>
          <p:nvPr>
            <p:ph type="body" sz="quarter" idx="1006" hasCustomPrompt="1"/>
          </p:nvPr>
        </p:nvSpPr>
        <p:spPr>
          <a:xfrm>
            <a:off x="5053046" y="3856382"/>
            <a:ext cx="2131943" cy="725557"/>
          </a:xfrm>
        </p:spPr>
        <p:txBody>
          <a:bodyPr anchor="t" anchorCtr="0"/>
          <a:lstStyle>
            <a:lvl1pPr marL="0" indent="0" algn="ctr">
              <a:lnSpc>
                <a:spcPct val="98000"/>
              </a:lnSpc>
              <a:buFont typeface="Arial" panose="020B0604020202020204" pitchFamily="34" charset="0"/>
              <a:buNone/>
              <a:defRPr sz="2400">
                <a:latin typeface="Maison Neue Bold" panose="020B0804040000000000" pitchFamily="34" charset="0"/>
              </a:defRPr>
            </a:lvl1pPr>
            <a:lvl2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2pPr>
            <a:lvl3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3pPr>
            <a:lvl4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4pPr>
            <a:lvl5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5pPr>
            <a:lvl6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6pPr>
            <a:lvl7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7pPr>
            <a:lvl8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8pPr>
            <a:lvl9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Heading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42" name="Frame text 6 [PHJU] (JU-Free)">
            <a:extLst>
              <a:ext uri="{FF2B5EF4-FFF2-40B4-BE49-F238E27FC236}">
                <a16:creationId xmlns:a16="http://schemas.microsoft.com/office/drawing/2014/main" id="{827197B7-9C67-16DF-A870-AAA783E85481}"/>
              </a:ext>
            </a:extLst>
          </p:cNvPr>
          <p:cNvSpPr>
            <a:spLocks noGrp="1"/>
          </p:cNvSpPr>
          <p:nvPr>
            <p:ph type="body" sz="quarter" idx="1007" hasCustomPrompt="1"/>
          </p:nvPr>
        </p:nvSpPr>
        <p:spPr>
          <a:xfrm>
            <a:off x="7670039" y="3856382"/>
            <a:ext cx="2131943" cy="725557"/>
          </a:xfrm>
        </p:spPr>
        <p:txBody>
          <a:bodyPr anchor="t" anchorCtr="0"/>
          <a:lstStyle>
            <a:lvl1pPr marL="0" indent="0" algn="ctr">
              <a:lnSpc>
                <a:spcPct val="98000"/>
              </a:lnSpc>
              <a:buFont typeface="Arial" panose="020B0604020202020204" pitchFamily="34" charset="0"/>
              <a:buNone/>
              <a:defRPr sz="2400">
                <a:latin typeface="Maison Neue Bold" panose="020B0804040000000000" pitchFamily="34" charset="0"/>
              </a:defRPr>
            </a:lvl1pPr>
            <a:lvl2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2pPr>
            <a:lvl3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3pPr>
            <a:lvl4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4pPr>
            <a:lvl5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5pPr>
            <a:lvl6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6pPr>
            <a:lvl7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7pPr>
            <a:lvl8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8pPr>
            <a:lvl9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Heading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52" name="Rectangle 7 [PHJU]">
            <a:extLst>
              <a:ext uri="{FF2B5EF4-FFF2-40B4-BE49-F238E27FC236}">
                <a16:creationId xmlns:a16="http://schemas.microsoft.com/office/drawing/2014/main" id="{A5ECFEE2-C5DA-27D0-A1C3-870FD40802CE}"/>
              </a:ext>
            </a:extLst>
          </p:cNvPr>
          <p:cNvSpPr>
            <a:spLocks noGrp="1" noSelect="1"/>
          </p:cNvSpPr>
          <p:nvPr>
            <p:ph type="clipArt" sz="quarter" idx="1011" hasCustomPrompt="1"/>
          </p:nvPr>
        </p:nvSpPr>
        <p:spPr>
          <a:xfrm>
            <a:off x="3006720" y="2367000"/>
            <a:ext cx="1036800" cy="1065240"/>
          </a:xfrm>
          <a:custGeom>
            <a:avLst/>
            <a:gdLst>
              <a:gd name="connsiteX0" fmla="*/ 0 w 1036800"/>
              <a:gd name="connsiteY0" fmla="*/ 0 h 1065240"/>
              <a:gd name="connsiteX1" fmla="*/ 1036800 w 1036800"/>
              <a:gd name="connsiteY1" fmla="*/ 0 h 1065240"/>
              <a:gd name="connsiteX2" fmla="*/ 1036800 w 1036800"/>
              <a:gd name="connsiteY2" fmla="*/ 1065240 h 1065240"/>
              <a:gd name="connsiteX3" fmla="*/ 0 w 1036800"/>
              <a:gd name="connsiteY3" fmla="*/ 1065240 h 106524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36800" h="1065240">
                <a:moveTo>
                  <a:pt x="0" y="0"/>
                </a:moveTo>
                <a:lnTo>
                  <a:pt x="1036800" y="0"/>
                </a:lnTo>
                <a:lnTo>
                  <a:pt x="1036800" y="1065240"/>
                </a:lnTo>
                <a:lnTo>
                  <a:pt x="0" y="1065240"/>
                </a:lnTo>
                <a:close/>
              </a:path>
            </a:pathLst>
          </a:custGeom>
        </p:spPr>
        <p:txBody>
          <a:bodyPr wrap="square" lIns="0" tIns="0" rIns="0" bIns="0" anchor="t">
            <a:noAutofit/>
          </a:bodyPr>
          <a:lstStyle>
            <a:lvl1pPr marL="0" indent="0" algn="ctr" defTabSz="914400" rtl="0" eaLnBrk="1" latinLnBrk="0" hangingPunct="1">
              <a:lnSpc>
                <a:spcPct val="100000"/>
              </a:lnSpc>
              <a:spcBef>
                <a:spcPts val="0"/>
              </a:spcBef>
              <a:buSzPct val="120000"/>
              <a:buFontTx/>
              <a:buNone/>
              <a:defRPr sz="1400"/>
            </a:lvl1pPr>
          </a:lstStyle>
          <a:p>
            <a:r>
              <a:rPr lang="en-GB"/>
              <a:t>[Icon]</a:t>
            </a:r>
            <a:endParaRPr lang="en-GB" dirty="0"/>
          </a:p>
        </p:txBody>
      </p:sp>
      <p:sp>
        <p:nvSpPr>
          <p:cNvPr id="53" name="Rectangle 8 [PHJU]">
            <a:extLst>
              <a:ext uri="{FF2B5EF4-FFF2-40B4-BE49-F238E27FC236}">
                <a16:creationId xmlns:a16="http://schemas.microsoft.com/office/drawing/2014/main" id="{7BEE67B6-2E3A-8189-F792-D238F6C48BC8}"/>
              </a:ext>
            </a:extLst>
          </p:cNvPr>
          <p:cNvSpPr>
            <a:spLocks noGrp="1" noSelect="1"/>
          </p:cNvSpPr>
          <p:nvPr>
            <p:ph type="clipArt" sz="quarter" idx="1012" hasCustomPrompt="1"/>
          </p:nvPr>
        </p:nvSpPr>
        <p:spPr>
          <a:xfrm>
            <a:off x="8166020" y="2367000"/>
            <a:ext cx="1036800" cy="1065240"/>
          </a:xfrm>
          <a:custGeom>
            <a:avLst/>
            <a:gdLst>
              <a:gd name="connsiteX0" fmla="*/ 0 w 1036800"/>
              <a:gd name="connsiteY0" fmla="*/ 0 h 1065240"/>
              <a:gd name="connsiteX1" fmla="*/ 1036800 w 1036800"/>
              <a:gd name="connsiteY1" fmla="*/ 0 h 1065240"/>
              <a:gd name="connsiteX2" fmla="*/ 1036800 w 1036800"/>
              <a:gd name="connsiteY2" fmla="*/ 1065240 h 1065240"/>
              <a:gd name="connsiteX3" fmla="*/ 0 w 1036800"/>
              <a:gd name="connsiteY3" fmla="*/ 1065240 h 106524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36800" h="1065240">
                <a:moveTo>
                  <a:pt x="0" y="0"/>
                </a:moveTo>
                <a:lnTo>
                  <a:pt x="1036800" y="0"/>
                </a:lnTo>
                <a:lnTo>
                  <a:pt x="1036800" y="1065240"/>
                </a:lnTo>
                <a:lnTo>
                  <a:pt x="0" y="1065240"/>
                </a:lnTo>
                <a:close/>
              </a:path>
            </a:pathLst>
          </a:custGeom>
        </p:spPr>
        <p:txBody>
          <a:bodyPr wrap="square" lIns="0" tIns="0" rIns="0" bIns="0" anchor="t">
            <a:noAutofit/>
          </a:bodyPr>
          <a:lstStyle>
            <a:lvl1pPr marL="0" indent="0" algn="ctr" defTabSz="914400" rtl="0" eaLnBrk="1" latinLnBrk="0" hangingPunct="1">
              <a:lnSpc>
                <a:spcPct val="100000"/>
              </a:lnSpc>
              <a:spcBef>
                <a:spcPts val="0"/>
              </a:spcBef>
              <a:buSzPct val="120000"/>
              <a:buFontTx/>
              <a:buNone/>
              <a:defRPr sz="1400"/>
            </a:lvl1pPr>
          </a:lstStyle>
          <a:p>
            <a:r>
              <a:rPr lang="en-GB"/>
              <a:t>[Icon]</a:t>
            </a:r>
            <a:endParaRPr lang="en-GB" dirty="0"/>
          </a:p>
        </p:txBody>
      </p:sp>
      <p:sp>
        <p:nvSpPr>
          <p:cNvPr id="54" name="Rectangle 9 [PHJU]">
            <a:extLst>
              <a:ext uri="{FF2B5EF4-FFF2-40B4-BE49-F238E27FC236}">
                <a16:creationId xmlns:a16="http://schemas.microsoft.com/office/drawing/2014/main" id="{D73A384C-F765-4FB5-CC3A-AAFB443AFE06}"/>
              </a:ext>
            </a:extLst>
          </p:cNvPr>
          <p:cNvSpPr>
            <a:spLocks noGrp="1" noSelect="1"/>
          </p:cNvSpPr>
          <p:nvPr>
            <p:ph type="clipArt" sz="quarter" idx="1013" hasCustomPrompt="1"/>
          </p:nvPr>
        </p:nvSpPr>
        <p:spPr>
          <a:xfrm>
            <a:off x="5577600" y="2367000"/>
            <a:ext cx="1036800" cy="1065240"/>
          </a:xfrm>
          <a:custGeom>
            <a:avLst/>
            <a:gdLst>
              <a:gd name="connsiteX0" fmla="*/ 0 w 1036800"/>
              <a:gd name="connsiteY0" fmla="*/ 0 h 1065240"/>
              <a:gd name="connsiteX1" fmla="*/ 1036800 w 1036800"/>
              <a:gd name="connsiteY1" fmla="*/ 0 h 1065240"/>
              <a:gd name="connsiteX2" fmla="*/ 1036800 w 1036800"/>
              <a:gd name="connsiteY2" fmla="*/ 1065240 h 1065240"/>
              <a:gd name="connsiteX3" fmla="*/ 0 w 1036800"/>
              <a:gd name="connsiteY3" fmla="*/ 1065240 h 106524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36800" h="1065240">
                <a:moveTo>
                  <a:pt x="0" y="0"/>
                </a:moveTo>
                <a:lnTo>
                  <a:pt x="1036800" y="0"/>
                </a:lnTo>
                <a:lnTo>
                  <a:pt x="1036800" y="1065240"/>
                </a:lnTo>
                <a:lnTo>
                  <a:pt x="0" y="1065240"/>
                </a:lnTo>
                <a:close/>
              </a:path>
            </a:pathLst>
          </a:custGeom>
        </p:spPr>
        <p:txBody>
          <a:bodyPr wrap="square" lIns="0" tIns="0" rIns="0" bIns="0" anchor="t">
            <a:noAutofit/>
          </a:bodyPr>
          <a:lstStyle>
            <a:lvl1pPr marL="0" indent="0" algn="ctr" defTabSz="914400" rtl="0" eaLnBrk="1" latinLnBrk="0" hangingPunct="1">
              <a:lnSpc>
                <a:spcPct val="100000"/>
              </a:lnSpc>
              <a:spcBef>
                <a:spcPts val="0"/>
              </a:spcBef>
              <a:buSzPct val="120000"/>
              <a:buFontTx/>
              <a:buNone/>
              <a:defRPr sz="1400"/>
            </a:lvl1pPr>
          </a:lstStyle>
          <a:p>
            <a:r>
              <a:rPr lang="en-GB"/>
              <a:t>[Icon]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4829058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[Compare options]">
    <p:bg>
      <p:bgPr>
        <a:solidFill>
          <a:srgbClr val="9AA3F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6" name="Group 1">
            <a:extLst>
              <a:ext uri="{FF2B5EF4-FFF2-40B4-BE49-F238E27FC236}">
                <a16:creationId xmlns:a16="http://schemas.microsoft.com/office/drawing/2014/main" id="{857176B3-3A34-AF25-74F6-19E65C61C5DD}"/>
              </a:ext>
            </a:extLst>
          </p:cNvPr>
          <p:cNvGrpSpPr>
            <a:grpSpLocks noSelect="1"/>
          </p:cNvGrpSpPr>
          <p:nvPr userDrawn="1"/>
        </p:nvGrpSpPr>
        <p:grpSpPr bwMode="auto">
          <a:xfrm>
            <a:off x="1338263" y="1670050"/>
            <a:ext cx="9515476" cy="4295775"/>
            <a:chOff x="1338263" y="1670050"/>
            <a:chExt cx="9515476" cy="4295775"/>
          </a:xfrm>
        </p:grpSpPr>
        <p:sp>
          <p:nvSpPr>
            <p:cNvPr id="38" name="Freeform 36">
              <a:extLst>
                <a:ext uri="{FF2B5EF4-FFF2-40B4-BE49-F238E27FC236}">
                  <a16:creationId xmlns:a16="http://schemas.microsoft.com/office/drawing/2014/main" id="{FD5C7030-2382-DF70-1D2B-B3225DD6BD9F}"/>
                </a:ext>
              </a:extLst>
            </p:cNvPr>
            <p:cNvSpPr>
              <a:spLocks noSelect="1"/>
            </p:cNvSpPr>
            <p:nvPr userDrawn="1"/>
          </p:nvSpPr>
          <p:spPr bwMode="auto">
            <a:xfrm>
              <a:off x="4471988" y="1670050"/>
              <a:ext cx="3079750" cy="4295775"/>
            </a:xfrm>
            <a:custGeom>
              <a:avLst/>
              <a:gdLst>
                <a:gd name="T0" fmla="*/ 7726 w 9704"/>
                <a:gd name="T1" fmla="*/ 6020 h 13528"/>
                <a:gd name="T2" fmla="*/ 7771 w 9704"/>
                <a:gd name="T3" fmla="*/ 6018 h 13528"/>
                <a:gd name="T4" fmla="*/ 7516 w 9704"/>
                <a:gd name="T5" fmla="*/ 6342 h 13528"/>
                <a:gd name="T6" fmla="*/ 7492 w 9704"/>
                <a:gd name="T7" fmla="*/ 6353 h 13528"/>
                <a:gd name="T8" fmla="*/ 7306 w 9704"/>
                <a:gd name="T9" fmla="*/ 6156 h 13528"/>
                <a:gd name="T10" fmla="*/ 7330 w 9704"/>
                <a:gd name="T11" fmla="*/ 6102 h 13528"/>
                <a:gd name="T12" fmla="*/ 7493 w 9704"/>
                <a:gd name="T13" fmla="*/ 6272 h 13528"/>
                <a:gd name="T14" fmla="*/ 7519 w 9704"/>
                <a:gd name="T15" fmla="*/ 5709 h 13528"/>
                <a:gd name="T16" fmla="*/ 7215 w 9704"/>
                <a:gd name="T17" fmla="*/ 5836 h 13528"/>
                <a:gd name="T18" fmla="*/ 7089 w 9704"/>
                <a:gd name="T19" fmla="*/ 6141 h 13528"/>
                <a:gd name="T20" fmla="*/ 7215 w 9704"/>
                <a:gd name="T21" fmla="*/ 6446 h 13528"/>
                <a:gd name="T22" fmla="*/ 7515 w 9704"/>
                <a:gd name="T23" fmla="*/ 6571 h 13528"/>
                <a:gd name="T24" fmla="*/ 7681 w 9704"/>
                <a:gd name="T25" fmla="*/ 6538 h 13528"/>
                <a:gd name="T26" fmla="*/ 7920 w 9704"/>
                <a:gd name="T27" fmla="*/ 6301 h 13528"/>
                <a:gd name="T28" fmla="*/ 7922 w 9704"/>
                <a:gd name="T29" fmla="*/ 5979 h 13528"/>
                <a:gd name="T30" fmla="*/ 7685 w 9704"/>
                <a:gd name="T31" fmla="*/ 5742 h 13528"/>
                <a:gd name="T32" fmla="*/ 7513 w 9704"/>
                <a:gd name="T33" fmla="*/ 5645 h 13528"/>
                <a:gd name="T34" fmla="*/ 7522 w 9704"/>
                <a:gd name="T35" fmla="*/ 5645 h 13528"/>
                <a:gd name="T36" fmla="*/ 7874 w 9704"/>
                <a:gd name="T37" fmla="*/ 5793 h 13528"/>
                <a:gd name="T38" fmla="*/ 8017 w 9704"/>
                <a:gd name="T39" fmla="*/ 6140 h 13528"/>
                <a:gd name="T40" fmla="*/ 7870 w 9704"/>
                <a:gd name="T41" fmla="*/ 6489 h 13528"/>
                <a:gd name="T42" fmla="*/ 7520 w 9704"/>
                <a:gd name="T43" fmla="*/ 6636 h 13528"/>
                <a:gd name="T44" fmla="*/ 7511 w 9704"/>
                <a:gd name="T45" fmla="*/ 6636 h 13528"/>
                <a:gd name="T46" fmla="*/ 7170 w 9704"/>
                <a:gd name="T47" fmla="*/ 6492 h 13528"/>
                <a:gd name="T48" fmla="*/ 7025 w 9704"/>
                <a:gd name="T49" fmla="*/ 6141 h 13528"/>
                <a:gd name="T50" fmla="*/ 7170 w 9704"/>
                <a:gd name="T51" fmla="*/ 5791 h 13528"/>
                <a:gd name="T52" fmla="*/ 7513 w 9704"/>
                <a:gd name="T53" fmla="*/ 5645 h 13528"/>
                <a:gd name="T54" fmla="*/ 6815 w 9704"/>
                <a:gd name="T55" fmla="*/ 5217 h 13528"/>
                <a:gd name="T56" fmla="*/ 6597 w 9704"/>
                <a:gd name="T57" fmla="*/ 6846 h 13528"/>
                <a:gd name="T58" fmla="*/ 8226 w 9704"/>
                <a:gd name="T59" fmla="*/ 7064 h 13528"/>
                <a:gd name="T60" fmla="*/ 8444 w 9704"/>
                <a:gd name="T61" fmla="*/ 5435 h 13528"/>
                <a:gd name="T62" fmla="*/ 6815 w 9704"/>
                <a:gd name="T63" fmla="*/ 7080 h 13528"/>
                <a:gd name="T64" fmla="*/ 6581 w 9704"/>
                <a:gd name="T65" fmla="*/ 5435 h 13528"/>
                <a:gd name="T66" fmla="*/ 8226 w 9704"/>
                <a:gd name="T67" fmla="*/ 5200 h 13528"/>
                <a:gd name="T68" fmla="*/ 8461 w 9704"/>
                <a:gd name="T69" fmla="*/ 6846 h 13528"/>
                <a:gd name="T70" fmla="*/ 6815 w 9704"/>
                <a:gd name="T71" fmla="*/ 7080 h 13528"/>
                <a:gd name="T72" fmla="*/ 0 w 9704"/>
                <a:gd name="T73" fmla="*/ 0 h 13528"/>
                <a:gd name="T74" fmla="*/ 9098 w 9704"/>
                <a:gd name="T75" fmla="*/ 13528 h 13528"/>
                <a:gd name="T76" fmla="*/ 9704 w 9704"/>
                <a:gd name="T77" fmla="*/ 606 h 1352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</a:cxnLst>
              <a:rect l="0" t="0" r="r" b="b"/>
              <a:pathLst>
                <a:path w="9704" h="13528">
                  <a:moveTo>
                    <a:pt x="7493" y="6272"/>
                  </a:moveTo>
                  <a:cubicBezTo>
                    <a:pt x="7726" y="6020"/>
                    <a:pt x="7726" y="6020"/>
                    <a:pt x="7726" y="6020"/>
                  </a:cubicBezTo>
                  <a:cubicBezTo>
                    <a:pt x="7732" y="6013"/>
                    <a:pt x="7741" y="6009"/>
                    <a:pt x="7750" y="6009"/>
                  </a:cubicBezTo>
                  <a:cubicBezTo>
                    <a:pt x="7757" y="6009"/>
                    <a:pt x="7765" y="6012"/>
                    <a:pt x="7771" y="6018"/>
                  </a:cubicBezTo>
                  <a:cubicBezTo>
                    <a:pt x="7784" y="6030"/>
                    <a:pt x="7785" y="6051"/>
                    <a:pt x="7773" y="6064"/>
                  </a:cubicBezTo>
                  <a:cubicBezTo>
                    <a:pt x="7516" y="6342"/>
                    <a:pt x="7516" y="6342"/>
                    <a:pt x="7516" y="6342"/>
                  </a:cubicBezTo>
                  <a:cubicBezTo>
                    <a:pt x="7510" y="6349"/>
                    <a:pt x="7502" y="6353"/>
                    <a:pt x="7493" y="6353"/>
                  </a:cubicBezTo>
                  <a:cubicBezTo>
                    <a:pt x="7492" y="6353"/>
                    <a:pt x="7492" y="6353"/>
                    <a:pt x="7492" y="6353"/>
                  </a:cubicBezTo>
                  <a:cubicBezTo>
                    <a:pt x="7483" y="6353"/>
                    <a:pt x="7474" y="6349"/>
                    <a:pt x="7468" y="6342"/>
                  </a:cubicBezTo>
                  <a:cubicBezTo>
                    <a:pt x="7306" y="6156"/>
                    <a:pt x="7306" y="6156"/>
                    <a:pt x="7306" y="6156"/>
                  </a:cubicBezTo>
                  <a:cubicBezTo>
                    <a:pt x="7294" y="6143"/>
                    <a:pt x="7296" y="6122"/>
                    <a:pt x="7309" y="6110"/>
                  </a:cubicBezTo>
                  <a:cubicBezTo>
                    <a:pt x="7315" y="6105"/>
                    <a:pt x="7323" y="6102"/>
                    <a:pt x="7330" y="6102"/>
                  </a:cubicBezTo>
                  <a:cubicBezTo>
                    <a:pt x="7339" y="6102"/>
                    <a:pt x="7348" y="6106"/>
                    <a:pt x="7355" y="6114"/>
                  </a:cubicBezTo>
                  <a:cubicBezTo>
                    <a:pt x="7493" y="6272"/>
                    <a:pt x="7493" y="6272"/>
                    <a:pt x="7493" y="6272"/>
                  </a:cubicBezTo>
                  <a:moveTo>
                    <a:pt x="7521" y="5709"/>
                  </a:moveTo>
                  <a:cubicBezTo>
                    <a:pt x="7521" y="5709"/>
                    <a:pt x="7520" y="5709"/>
                    <a:pt x="7519" y="5709"/>
                  </a:cubicBezTo>
                  <a:cubicBezTo>
                    <a:pt x="7465" y="5709"/>
                    <a:pt x="7411" y="5720"/>
                    <a:pt x="7359" y="5740"/>
                  </a:cubicBezTo>
                  <a:cubicBezTo>
                    <a:pt x="7306" y="5762"/>
                    <a:pt x="7258" y="5794"/>
                    <a:pt x="7215" y="5836"/>
                  </a:cubicBezTo>
                  <a:cubicBezTo>
                    <a:pt x="7174" y="5878"/>
                    <a:pt x="7142" y="5926"/>
                    <a:pt x="7121" y="5978"/>
                  </a:cubicBezTo>
                  <a:cubicBezTo>
                    <a:pt x="7100" y="6031"/>
                    <a:pt x="7089" y="6086"/>
                    <a:pt x="7089" y="6141"/>
                  </a:cubicBezTo>
                  <a:cubicBezTo>
                    <a:pt x="7089" y="6197"/>
                    <a:pt x="7100" y="6252"/>
                    <a:pt x="7121" y="6304"/>
                  </a:cubicBezTo>
                  <a:cubicBezTo>
                    <a:pt x="7142" y="6357"/>
                    <a:pt x="7174" y="6405"/>
                    <a:pt x="7215" y="6446"/>
                  </a:cubicBezTo>
                  <a:cubicBezTo>
                    <a:pt x="7257" y="6488"/>
                    <a:pt x="7305" y="6519"/>
                    <a:pt x="7357" y="6540"/>
                  </a:cubicBezTo>
                  <a:cubicBezTo>
                    <a:pt x="7409" y="6561"/>
                    <a:pt x="7462" y="6571"/>
                    <a:pt x="7515" y="6571"/>
                  </a:cubicBezTo>
                  <a:cubicBezTo>
                    <a:pt x="7517" y="6571"/>
                    <a:pt x="7518" y="6571"/>
                    <a:pt x="7519" y="6571"/>
                  </a:cubicBezTo>
                  <a:cubicBezTo>
                    <a:pt x="7574" y="6571"/>
                    <a:pt x="7628" y="6560"/>
                    <a:pt x="7681" y="6538"/>
                  </a:cubicBezTo>
                  <a:cubicBezTo>
                    <a:pt x="7734" y="6517"/>
                    <a:pt x="7782" y="6485"/>
                    <a:pt x="7824" y="6443"/>
                  </a:cubicBezTo>
                  <a:cubicBezTo>
                    <a:pt x="7866" y="6401"/>
                    <a:pt x="7898" y="6353"/>
                    <a:pt x="7920" y="6301"/>
                  </a:cubicBezTo>
                  <a:cubicBezTo>
                    <a:pt x="7941" y="6248"/>
                    <a:pt x="7952" y="6194"/>
                    <a:pt x="7952" y="6140"/>
                  </a:cubicBezTo>
                  <a:cubicBezTo>
                    <a:pt x="7953" y="6085"/>
                    <a:pt x="7942" y="6031"/>
                    <a:pt x="7922" y="5979"/>
                  </a:cubicBezTo>
                  <a:cubicBezTo>
                    <a:pt x="7902" y="5927"/>
                    <a:pt x="7870" y="5880"/>
                    <a:pt x="7829" y="5838"/>
                  </a:cubicBezTo>
                  <a:cubicBezTo>
                    <a:pt x="7786" y="5796"/>
                    <a:pt x="7738" y="5763"/>
                    <a:pt x="7685" y="5742"/>
                  </a:cubicBezTo>
                  <a:cubicBezTo>
                    <a:pt x="7631" y="5720"/>
                    <a:pt x="7577" y="5709"/>
                    <a:pt x="7521" y="5709"/>
                  </a:cubicBezTo>
                  <a:moveTo>
                    <a:pt x="7513" y="5645"/>
                  </a:moveTo>
                  <a:cubicBezTo>
                    <a:pt x="7521" y="5645"/>
                    <a:pt x="7521" y="5645"/>
                    <a:pt x="7521" y="5645"/>
                  </a:cubicBezTo>
                  <a:cubicBezTo>
                    <a:pt x="7521" y="5645"/>
                    <a:pt x="7522" y="5645"/>
                    <a:pt x="7522" y="5645"/>
                  </a:cubicBezTo>
                  <a:cubicBezTo>
                    <a:pt x="7585" y="5645"/>
                    <a:pt x="7648" y="5657"/>
                    <a:pt x="7709" y="5682"/>
                  </a:cubicBezTo>
                  <a:cubicBezTo>
                    <a:pt x="7770" y="5706"/>
                    <a:pt x="7826" y="5744"/>
                    <a:pt x="7874" y="5793"/>
                  </a:cubicBezTo>
                  <a:cubicBezTo>
                    <a:pt x="7922" y="5840"/>
                    <a:pt x="7958" y="5895"/>
                    <a:pt x="7982" y="5955"/>
                  </a:cubicBezTo>
                  <a:cubicBezTo>
                    <a:pt x="8006" y="6015"/>
                    <a:pt x="8017" y="6077"/>
                    <a:pt x="8017" y="6140"/>
                  </a:cubicBezTo>
                  <a:cubicBezTo>
                    <a:pt x="8017" y="6203"/>
                    <a:pt x="8004" y="6265"/>
                    <a:pt x="7980" y="6325"/>
                  </a:cubicBezTo>
                  <a:cubicBezTo>
                    <a:pt x="7955" y="6386"/>
                    <a:pt x="7918" y="6441"/>
                    <a:pt x="7870" y="6489"/>
                  </a:cubicBezTo>
                  <a:cubicBezTo>
                    <a:pt x="7821" y="6537"/>
                    <a:pt x="7766" y="6574"/>
                    <a:pt x="7705" y="6598"/>
                  </a:cubicBezTo>
                  <a:cubicBezTo>
                    <a:pt x="7645" y="6623"/>
                    <a:pt x="7582" y="6635"/>
                    <a:pt x="7520" y="6636"/>
                  </a:cubicBezTo>
                  <a:cubicBezTo>
                    <a:pt x="7519" y="6636"/>
                    <a:pt x="7519" y="6636"/>
                    <a:pt x="7518" y="6636"/>
                  </a:cubicBezTo>
                  <a:cubicBezTo>
                    <a:pt x="7511" y="6636"/>
                    <a:pt x="7511" y="6636"/>
                    <a:pt x="7511" y="6636"/>
                  </a:cubicBezTo>
                  <a:cubicBezTo>
                    <a:pt x="7451" y="6635"/>
                    <a:pt x="7391" y="6623"/>
                    <a:pt x="7333" y="6600"/>
                  </a:cubicBezTo>
                  <a:cubicBezTo>
                    <a:pt x="7272" y="6576"/>
                    <a:pt x="7217" y="6540"/>
                    <a:pt x="7170" y="6492"/>
                  </a:cubicBezTo>
                  <a:cubicBezTo>
                    <a:pt x="7122" y="6444"/>
                    <a:pt x="7085" y="6389"/>
                    <a:pt x="7061" y="6328"/>
                  </a:cubicBezTo>
                  <a:cubicBezTo>
                    <a:pt x="7037" y="6268"/>
                    <a:pt x="7025" y="6205"/>
                    <a:pt x="7025" y="6141"/>
                  </a:cubicBezTo>
                  <a:cubicBezTo>
                    <a:pt x="7025" y="6078"/>
                    <a:pt x="7037" y="6015"/>
                    <a:pt x="7061" y="5954"/>
                  </a:cubicBezTo>
                  <a:cubicBezTo>
                    <a:pt x="7085" y="5893"/>
                    <a:pt x="7122" y="5838"/>
                    <a:pt x="7170" y="5791"/>
                  </a:cubicBezTo>
                  <a:cubicBezTo>
                    <a:pt x="7218" y="5742"/>
                    <a:pt x="7274" y="5705"/>
                    <a:pt x="7335" y="5680"/>
                  </a:cubicBezTo>
                  <a:cubicBezTo>
                    <a:pt x="7393" y="5657"/>
                    <a:pt x="7453" y="5645"/>
                    <a:pt x="7513" y="5645"/>
                  </a:cubicBezTo>
                  <a:moveTo>
                    <a:pt x="8226" y="5217"/>
                  </a:moveTo>
                  <a:cubicBezTo>
                    <a:pt x="6815" y="5217"/>
                    <a:pt x="6815" y="5217"/>
                    <a:pt x="6815" y="5217"/>
                  </a:cubicBezTo>
                  <a:cubicBezTo>
                    <a:pt x="6695" y="5217"/>
                    <a:pt x="6597" y="5314"/>
                    <a:pt x="6597" y="5435"/>
                  </a:cubicBezTo>
                  <a:cubicBezTo>
                    <a:pt x="6597" y="6846"/>
                    <a:pt x="6597" y="6846"/>
                    <a:pt x="6597" y="6846"/>
                  </a:cubicBezTo>
                  <a:cubicBezTo>
                    <a:pt x="6597" y="6966"/>
                    <a:pt x="6695" y="7064"/>
                    <a:pt x="6815" y="7064"/>
                  </a:cubicBezTo>
                  <a:cubicBezTo>
                    <a:pt x="8226" y="7064"/>
                    <a:pt x="8226" y="7064"/>
                    <a:pt x="8226" y="7064"/>
                  </a:cubicBezTo>
                  <a:cubicBezTo>
                    <a:pt x="8347" y="7064"/>
                    <a:pt x="8444" y="6966"/>
                    <a:pt x="8444" y="6846"/>
                  </a:cubicBezTo>
                  <a:cubicBezTo>
                    <a:pt x="8444" y="5435"/>
                    <a:pt x="8444" y="5435"/>
                    <a:pt x="8444" y="5435"/>
                  </a:cubicBezTo>
                  <a:cubicBezTo>
                    <a:pt x="8444" y="5314"/>
                    <a:pt x="8347" y="5217"/>
                    <a:pt x="8226" y="5217"/>
                  </a:cubicBezTo>
                  <a:moveTo>
                    <a:pt x="6815" y="7080"/>
                  </a:moveTo>
                  <a:cubicBezTo>
                    <a:pt x="6686" y="7080"/>
                    <a:pt x="6581" y="6975"/>
                    <a:pt x="6581" y="6846"/>
                  </a:cubicBezTo>
                  <a:cubicBezTo>
                    <a:pt x="6581" y="5435"/>
                    <a:pt x="6581" y="5435"/>
                    <a:pt x="6581" y="5435"/>
                  </a:cubicBezTo>
                  <a:cubicBezTo>
                    <a:pt x="6581" y="5305"/>
                    <a:pt x="6686" y="5200"/>
                    <a:pt x="6815" y="5200"/>
                  </a:cubicBezTo>
                  <a:cubicBezTo>
                    <a:pt x="8226" y="5200"/>
                    <a:pt x="8226" y="5200"/>
                    <a:pt x="8226" y="5200"/>
                  </a:cubicBezTo>
                  <a:cubicBezTo>
                    <a:pt x="8356" y="5200"/>
                    <a:pt x="8461" y="5305"/>
                    <a:pt x="8461" y="5435"/>
                  </a:cubicBezTo>
                  <a:cubicBezTo>
                    <a:pt x="8461" y="6846"/>
                    <a:pt x="8461" y="6846"/>
                    <a:pt x="8461" y="6846"/>
                  </a:cubicBezTo>
                  <a:cubicBezTo>
                    <a:pt x="8461" y="6975"/>
                    <a:pt x="8356" y="7080"/>
                    <a:pt x="8226" y="7080"/>
                  </a:cubicBezTo>
                  <a:cubicBezTo>
                    <a:pt x="6815" y="7080"/>
                    <a:pt x="6815" y="7080"/>
                    <a:pt x="6815" y="7080"/>
                  </a:cubicBezTo>
                  <a:moveTo>
                    <a:pt x="9098" y="0"/>
                  </a:moveTo>
                  <a:cubicBezTo>
                    <a:pt x="0" y="0"/>
                    <a:pt x="0" y="0"/>
                    <a:pt x="0" y="0"/>
                  </a:cubicBezTo>
                  <a:cubicBezTo>
                    <a:pt x="0" y="13528"/>
                    <a:pt x="0" y="13528"/>
                    <a:pt x="0" y="13528"/>
                  </a:cubicBezTo>
                  <a:cubicBezTo>
                    <a:pt x="9098" y="13528"/>
                    <a:pt x="9098" y="13528"/>
                    <a:pt x="9098" y="13528"/>
                  </a:cubicBezTo>
                  <a:cubicBezTo>
                    <a:pt x="9433" y="13528"/>
                    <a:pt x="9704" y="13257"/>
                    <a:pt x="9704" y="12922"/>
                  </a:cubicBezTo>
                  <a:cubicBezTo>
                    <a:pt x="9704" y="606"/>
                    <a:pt x="9704" y="606"/>
                    <a:pt x="9704" y="606"/>
                  </a:cubicBezTo>
                  <a:cubicBezTo>
                    <a:pt x="9704" y="271"/>
                    <a:pt x="9433" y="0"/>
                    <a:pt x="9098" y="0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39" name="Freeform 37">
              <a:extLst>
                <a:ext uri="{FF2B5EF4-FFF2-40B4-BE49-F238E27FC236}">
                  <a16:creationId xmlns:a16="http://schemas.microsoft.com/office/drawing/2014/main" id="{B7CA5129-5B8A-1C6F-B4BD-156B32F2D70B}"/>
                </a:ext>
              </a:extLst>
            </p:cNvPr>
            <p:cNvSpPr>
              <a:spLocks noSelect="1"/>
            </p:cNvSpPr>
            <p:nvPr userDrawn="1"/>
          </p:nvSpPr>
          <p:spPr bwMode="auto">
            <a:xfrm>
              <a:off x="1338263" y="1670050"/>
              <a:ext cx="3081338" cy="4295775"/>
            </a:xfrm>
            <a:custGeom>
              <a:avLst/>
              <a:gdLst>
                <a:gd name="T0" fmla="*/ 9704 w 9704"/>
                <a:gd name="T1" fmla="*/ 0 h 13528"/>
                <a:gd name="T2" fmla="*/ 606 w 9704"/>
                <a:gd name="T3" fmla="*/ 0 h 13528"/>
                <a:gd name="T4" fmla="*/ 0 w 9704"/>
                <a:gd name="T5" fmla="*/ 606 h 13528"/>
                <a:gd name="T6" fmla="*/ 0 w 9704"/>
                <a:gd name="T7" fmla="*/ 12922 h 13528"/>
                <a:gd name="T8" fmla="*/ 606 w 9704"/>
                <a:gd name="T9" fmla="*/ 13528 h 13528"/>
                <a:gd name="T10" fmla="*/ 9704 w 9704"/>
                <a:gd name="T11" fmla="*/ 13528 h 13528"/>
                <a:gd name="T12" fmla="*/ 9704 w 9704"/>
                <a:gd name="T13" fmla="*/ 0 h 1352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9704" h="13528">
                  <a:moveTo>
                    <a:pt x="9704" y="0"/>
                  </a:moveTo>
                  <a:cubicBezTo>
                    <a:pt x="606" y="0"/>
                    <a:pt x="606" y="0"/>
                    <a:pt x="606" y="0"/>
                  </a:cubicBezTo>
                  <a:cubicBezTo>
                    <a:pt x="271" y="0"/>
                    <a:pt x="0" y="271"/>
                    <a:pt x="0" y="606"/>
                  </a:cubicBezTo>
                  <a:cubicBezTo>
                    <a:pt x="0" y="12922"/>
                    <a:pt x="0" y="12922"/>
                    <a:pt x="0" y="12922"/>
                  </a:cubicBezTo>
                  <a:cubicBezTo>
                    <a:pt x="0" y="13257"/>
                    <a:pt x="271" y="13528"/>
                    <a:pt x="606" y="13528"/>
                  </a:cubicBezTo>
                  <a:cubicBezTo>
                    <a:pt x="9704" y="13528"/>
                    <a:pt x="9704" y="13528"/>
                    <a:pt x="9704" y="13528"/>
                  </a:cubicBezTo>
                  <a:cubicBezTo>
                    <a:pt x="9704" y="0"/>
                    <a:pt x="9704" y="0"/>
                    <a:pt x="9704" y="0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40" name="Freeform 38">
              <a:extLst>
                <a:ext uri="{FF2B5EF4-FFF2-40B4-BE49-F238E27FC236}">
                  <a16:creationId xmlns:a16="http://schemas.microsoft.com/office/drawing/2014/main" id="{71B6503B-688B-A99C-F08C-BDCE4AA5612F}"/>
                </a:ext>
              </a:extLst>
            </p:cNvPr>
            <p:cNvSpPr>
              <a:spLocks noSelect="1"/>
            </p:cNvSpPr>
            <p:nvPr userDrawn="1"/>
          </p:nvSpPr>
          <p:spPr bwMode="auto">
            <a:xfrm>
              <a:off x="7747001" y="1670050"/>
              <a:ext cx="3106738" cy="4295775"/>
            </a:xfrm>
            <a:custGeom>
              <a:avLst/>
              <a:gdLst>
                <a:gd name="T0" fmla="*/ 9251 w 9785"/>
                <a:gd name="T1" fmla="*/ 13528 h 13528"/>
                <a:gd name="T2" fmla="*/ 534 w 9785"/>
                <a:gd name="T3" fmla="*/ 13528 h 13528"/>
                <a:gd name="T4" fmla="*/ 0 w 9785"/>
                <a:gd name="T5" fmla="*/ 12994 h 13528"/>
                <a:gd name="T6" fmla="*/ 0 w 9785"/>
                <a:gd name="T7" fmla="*/ 534 h 13528"/>
                <a:gd name="T8" fmla="*/ 534 w 9785"/>
                <a:gd name="T9" fmla="*/ 0 h 13528"/>
                <a:gd name="T10" fmla="*/ 9251 w 9785"/>
                <a:gd name="T11" fmla="*/ 0 h 13528"/>
                <a:gd name="T12" fmla="*/ 9785 w 9785"/>
                <a:gd name="T13" fmla="*/ 534 h 13528"/>
                <a:gd name="T14" fmla="*/ 9785 w 9785"/>
                <a:gd name="T15" fmla="*/ 12994 h 13528"/>
                <a:gd name="T16" fmla="*/ 9251 w 9785"/>
                <a:gd name="T17" fmla="*/ 13528 h 1352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9785" h="13528">
                  <a:moveTo>
                    <a:pt x="9251" y="13528"/>
                  </a:moveTo>
                  <a:cubicBezTo>
                    <a:pt x="534" y="13528"/>
                    <a:pt x="534" y="13528"/>
                    <a:pt x="534" y="13528"/>
                  </a:cubicBezTo>
                  <a:cubicBezTo>
                    <a:pt x="239" y="13528"/>
                    <a:pt x="0" y="13289"/>
                    <a:pt x="0" y="12994"/>
                  </a:cubicBezTo>
                  <a:cubicBezTo>
                    <a:pt x="0" y="534"/>
                    <a:pt x="0" y="534"/>
                    <a:pt x="0" y="534"/>
                  </a:cubicBezTo>
                  <a:cubicBezTo>
                    <a:pt x="0" y="239"/>
                    <a:pt x="239" y="0"/>
                    <a:pt x="534" y="0"/>
                  </a:cubicBezTo>
                  <a:cubicBezTo>
                    <a:pt x="9251" y="0"/>
                    <a:pt x="9251" y="0"/>
                    <a:pt x="9251" y="0"/>
                  </a:cubicBezTo>
                  <a:cubicBezTo>
                    <a:pt x="9546" y="0"/>
                    <a:pt x="9785" y="239"/>
                    <a:pt x="9785" y="534"/>
                  </a:cubicBezTo>
                  <a:cubicBezTo>
                    <a:pt x="9785" y="12994"/>
                    <a:pt x="9785" y="12994"/>
                    <a:pt x="9785" y="12994"/>
                  </a:cubicBezTo>
                  <a:cubicBezTo>
                    <a:pt x="9785" y="13289"/>
                    <a:pt x="9546" y="13528"/>
                    <a:pt x="9251" y="13528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</p:grpSp>
      <p:sp>
        <p:nvSpPr>
          <p:cNvPr id="3" name="Frame 2 {PHJU}">
            <a:extLst>
              <a:ext uri="{FF2B5EF4-FFF2-40B4-BE49-F238E27FC236}">
                <a16:creationId xmlns:a16="http://schemas.microsoft.com/office/drawing/2014/main" id="{E877DD96-33E5-B8FC-8DD4-5FC1C32BCA3C}"/>
              </a:ext>
            </a:extLst>
          </p:cNvPr>
          <p:cNvSpPr>
            <a:spLocks noGrp="1" noSelect="1"/>
          </p:cNvSpPr>
          <p:nvPr>
            <p:ph type="body" sz="quarter" idx="38" hasCustomPrompt="1"/>
          </p:nvPr>
        </p:nvSpPr>
        <p:spPr>
          <a:xfrm>
            <a:off x="9863138" y="3290888"/>
            <a:ext cx="584200" cy="584200"/>
          </a:xfrm>
          <a:custGeom>
            <a:avLst/>
            <a:gdLst>
              <a:gd name="connsiteX0" fmla="*/ 70802 w 584200"/>
              <a:gd name="connsiteY0" fmla="*/ 0 h 584200"/>
              <a:gd name="connsiteX1" fmla="*/ 148654 w 584200"/>
              <a:gd name="connsiteY1" fmla="*/ 0 h 584200"/>
              <a:gd name="connsiteX2" fmla="*/ 216788 w 584200"/>
              <a:gd name="connsiteY2" fmla="*/ 0 h 584200"/>
              <a:gd name="connsiteX3" fmla="*/ 275852 w 584200"/>
              <a:gd name="connsiteY3" fmla="*/ 0 h 584200"/>
              <a:gd name="connsiteX4" fmla="*/ 326494 w 584200"/>
              <a:gd name="connsiteY4" fmla="*/ 0 h 584200"/>
              <a:gd name="connsiteX5" fmla="*/ 369361 w 584200"/>
              <a:gd name="connsiteY5" fmla="*/ 0 h 584200"/>
              <a:gd name="connsiteX6" fmla="*/ 405102 w 584200"/>
              <a:gd name="connsiteY6" fmla="*/ 0 h 584200"/>
              <a:gd name="connsiteX7" fmla="*/ 457795 w 584200"/>
              <a:gd name="connsiteY7" fmla="*/ 0 h 584200"/>
              <a:gd name="connsiteX8" fmla="*/ 489757 w 584200"/>
              <a:gd name="connsiteY8" fmla="*/ 0 h 584200"/>
              <a:gd name="connsiteX9" fmla="*/ 506169 w 584200"/>
              <a:gd name="connsiteY9" fmla="*/ 0 h 584200"/>
              <a:gd name="connsiteX10" fmla="*/ 512216 w 584200"/>
              <a:gd name="connsiteY10" fmla="*/ 0 h 584200"/>
              <a:gd name="connsiteX11" fmla="*/ 513080 w 584200"/>
              <a:gd name="connsiteY11" fmla="*/ 0 h 584200"/>
              <a:gd name="connsiteX12" fmla="*/ 584200 w 584200"/>
              <a:gd name="connsiteY12" fmla="*/ 70803 h 584200"/>
              <a:gd name="connsiteX13" fmla="*/ 584200 w 584200"/>
              <a:gd name="connsiteY13" fmla="*/ 148711 h 584200"/>
              <a:gd name="connsiteX14" fmla="*/ 584200 w 584200"/>
              <a:gd name="connsiteY14" fmla="*/ 216894 h 584200"/>
              <a:gd name="connsiteX15" fmla="*/ 584200 w 584200"/>
              <a:gd name="connsiteY15" fmla="*/ 276000 h 584200"/>
              <a:gd name="connsiteX16" fmla="*/ 584200 w 584200"/>
              <a:gd name="connsiteY16" fmla="*/ 326678 h 584200"/>
              <a:gd name="connsiteX17" fmla="*/ 584200 w 584200"/>
              <a:gd name="connsiteY17" fmla="*/ 369576 h 584200"/>
              <a:gd name="connsiteX18" fmla="*/ 584200 w 584200"/>
              <a:gd name="connsiteY18" fmla="*/ 405342 h 584200"/>
              <a:gd name="connsiteX19" fmla="*/ 584200 w 584200"/>
              <a:gd name="connsiteY19" fmla="*/ 458073 h 584200"/>
              <a:gd name="connsiteX20" fmla="*/ 584200 w 584200"/>
              <a:gd name="connsiteY20" fmla="*/ 490058 h 584200"/>
              <a:gd name="connsiteX21" fmla="*/ 584200 w 584200"/>
              <a:gd name="connsiteY21" fmla="*/ 506482 h 584200"/>
              <a:gd name="connsiteX22" fmla="*/ 584200 w 584200"/>
              <a:gd name="connsiteY22" fmla="*/ 512533 h 584200"/>
              <a:gd name="connsiteX23" fmla="*/ 584200 w 584200"/>
              <a:gd name="connsiteY23" fmla="*/ 513398 h 584200"/>
              <a:gd name="connsiteX24" fmla="*/ 513080 w 584200"/>
              <a:gd name="connsiteY24" fmla="*/ 584200 h 584200"/>
              <a:gd name="connsiteX25" fmla="*/ 435228 w 584200"/>
              <a:gd name="connsiteY25" fmla="*/ 584200 h 584200"/>
              <a:gd name="connsiteX26" fmla="*/ 367094 w 584200"/>
              <a:gd name="connsiteY26" fmla="*/ 584200 h 584200"/>
              <a:gd name="connsiteX27" fmla="*/ 308030 w 584200"/>
              <a:gd name="connsiteY27" fmla="*/ 584200 h 584200"/>
              <a:gd name="connsiteX28" fmla="*/ 257388 w 584200"/>
              <a:gd name="connsiteY28" fmla="*/ 584200 h 584200"/>
              <a:gd name="connsiteX29" fmla="*/ 214521 w 584200"/>
              <a:gd name="connsiteY29" fmla="*/ 584200 h 584200"/>
              <a:gd name="connsiteX30" fmla="*/ 178780 w 584200"/>
              <a:gd name="connsiteY30" fmla="*/ 584200 h 584200"/>
              <a:gd name="connsiteX31" fmla="*/ 126087 w 584200"/>
              <a:gd name="connsiteY31" fmla="*/ 584200 h 584200"/>
              <a:gd name="connsiteX32" fmla="*/ 94125 w 584200"/>
              <a:gd name="connsiteY32" fmla="*/ 584200 h 584200"/>
              <a:gd name="connsiteX33" fmla="*/ 77713 w 584200"/>
              <a:gd name="connsiteY33" fmla="*/ 584200 h 584200"/>
              <a:gd name="connsiteX34" fmla="*/ 71666 w 584200"/>
              <a:gd name="connsiteY34" fmla="*/ 584200 h 584200"/>
              <a:gd name="connsiteX35" fmla="*/ 70802 w 584200"/>
              <a:gd name="connsiteY35" fmla="*/ 584200 h 584200"/>
              <a:gd name="connsiteX36" fmla="*/ 0 w 584200"/>
              <a:gd name="connsiteY36" fmla="*/ 513398 h 584200"/>
              <a:gd name="connsiteX37" fmla="*/ 0 w 584200"/>
              <a:gd name="connsiteY37" fmla="*/ 435490 h 584200"/>
              <a:gd name="connsiteX38" fmla="*/ 0 w 584200"/>
              <a:gd name="connsiteY38" fmla="*/ 367307 h 584200"/>
              <a:gd name="connsiteX39" fmla="*/ 0 w 584200"/>
              <a:gd name="connsiteY39" fmla="*/ 308200 h 584200"/>
              <a:gd name="connsiteX40" fmla="*/ 0 w 584200"/>
              <a:gd name="connsiteY40" fmla="*/ 257522 h 584200"/>
              <a:gd name="connsiteX41" fmla="*/ 0 w 584200"/>
              <a:gd name="connsiteY41" fmla="*/ 214624 h 584200"/>
              <a:gd name="connsiteX42" fmla="*/ 0 w 584200"/>
              <a:gd name="connsiteY42" fmla="*/ 178858 h 584200"/>
              <a:gd name="connsiteX43" fmla="*/ 0 w 584200"/>
              <a:gd name="connsiteY43" fmla="*/ 126127 h 584200"/>
              <a:gd name="connsiteX44" fmla="*/ 0 w 584200"/>
              <a:gd name="connsiteY44" fmla="*/ 94143 h 584200"/>
              <a:gd name="connsiteX45" fmla="*/ 0 w 584200"/>
              <a:gd name="connsiteY45" fmla="*/ 77718 h 584200"/>
              <a:gd name="connsiteX46" fmla="*/ 0 w 584200"/>
              <a:gd name="connsiteY46" fmla="*/ 71667 h 584200"/>
              <a:gd name="connsiteX47" fmla="*/ 0 w 584200"/>
              <a:gd name="connsiteY47" fmla="*/ 70803 h 584200"/>
              <a:gd name="connsiteX48" fmla="*/ 70802 w 584200"/>
              <a:gd name="connsiteY48" fmla="*/ 0 h 5842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</a:cxnLst>
            <a:rect l="l" t="t" r="r" b="b"/>
            <a:pathLst>
              <a:path w="584200" h="584200">
                <a:moveTo>
                  <a:pt x="70802" y="0"/>
                </a:moveTo>
                <a:lnTo>
                  <a:pt x="148654" y="0"/>
                </a:lnTo>
                <a:lnTo>
                  <a:pt x="216788" y="0"/>
                </a:lnTo>
                <a:lnTo>
                  <a:pt x="275852" y="0"/>
                </a:lnTo>
                <a:lnTo>
                  <a:pt x="326494" y="0"/>
                </a:lnTo>
                <a:lnTo>
                  <a:pt x="369361" y="0"/>
                </a:lnTo>
                <a:lnTo>
                  <a:pt x="405102" y="0"/>
                </a:lnTo>
                <a:lnTo>
                  <a:pt x="457795" y="0"/>
                </a:lnTo>
                <a:lnTo>
                  <a:pt x="489757" y="0"/>
                </a:lnTo>
                <a:lnTo>
                  <a:pt x="506169" y="0"/>
                </a:lnTo>
                <a:lnTo>
                  <a:pt x="512216" y="0"/>
                </a:lnTo>
                <a:lnTo>
                  <a:pt x="513080" y="0"/>
                </a:lnTo>
                <a:cubicBezTo>
                  <a:pt x="552450" y="0"/>
                  <a:pt x="584200" y="31750"/>
                  <a:pt x="584200" y="70803"/>
                </a:cubicBezTo>
                <a:lnTo>
                  <a:pt x="584200" y="148711"/>
                </a:lnTo>
                <a:lnTo>
                  <a:pt x="584200" y="216894"/>
                </a:lnTo>
                <a:lnTo>
                  <a:pt x="584200" y="276000"/>
                </a:lnTo>
                <a:lnTo>
                  <a:pt x="584200" y="326678"/>
                </a:lnTo>
                <a:lnTo>
                  <a:pt x="584200" y="369576"/>
                </a:lnTo>
                <a:lnTo>
                  <a:pt x="584200" y="405342"/>
                </a:lnTo>
                <a:lnTo>
                  <a:pt x="584200" y="458073"/>
                </a:lnTo>
                <a:lnTo>
                  <a:pt x="584200" y="490058"/>
                </a:lnTo>
                <a:lnTo>
                  <a:pt x="584200" y="506482"/>
                </a:lnTo>
                <a:lnTo>
                  <a:pt x="584200" y="512533"/>
                </a:lnTo>
                <a:lnTo>
                  <a:pt x="584200" y="513398"/>
                </a:lnTo>
                <a:cubicBezTo>
                  <a:pt x="584200" y="552450"/>
                  <a:pt x="552450" y="584200"/>
                  <a:pt x="513080" y="584200"/>
                </a:cubicBezTo>
                <a:lnTo>
                  <a:pt x="435228" y="584200"/>
                </a:lnTo>
                <a:lnTo>
                  <a:pt x="367094" y="584200"/>
                </a:lnTo>
                <a:lnTo>
                  <a:pt x="308030" y="584200"/>
                </a:lnTo>
                <a:lnTo>
                  <a:pt x="257388" y="584200"/>
                </a:lnTo>
                <a:lnTo>
                  <a:pt x="214521" y="584200"/>
                </a:lnTo>
                <a:lnTo>
                  <a:pt x="178780" y="584200"/>
                </a:lnTo>
                <a:lnTo>
                  <a:pt x="126087" y="584200"/>
                </a:lnTo>
                <a:lnTo>
                  <a:pt x="94125" y="584200"/>
                </a:lnTo>
                <a:lnTo>
                  <a:pt x="77713" y="584200"/>
                </a:lnTo>
                <a:lnTo>
                  <a:pt x="71666" y="584200"/>
                </a:lnTo>
                <a:lnTo>
                  <a:pt x="70802" y="584200"/>
                </a:lnTo>
                <a:cubicBezTo>
                  <a:pt x="31750" y="584200"/>
                  <a:pt x="0" y="552450"/>
                  <a:pt x="0" y="513398"/>
                </a:cubicBezTo>
                <a:lnTo>
                  <a:pt x="0" y="435490"/>
                </a:lnTo>
                <a:lnTo>
                  <a:pt x="0" y="367307"/>
                </a:lnTo>
                <a:lnTo>
                  <a:pt x="0" y="308200"/>
                </a:lnTo>
                <a:lnTo>
                  <a:pt x="0" y="257522"/>
                </a:lnTo>
                <a:lnTo>
                  <a:pt x="0" y="214624"/>
                </a:lnTo>
                <a:lnTo>
                  <a:pt x="0" y="178858"/>
                </a:lnTo>
                <a:lnTo>
                  <a:pt x="0" y="126127"/>
                </a:lnTo>
                <a:lnTo>
                  <a:pt x="0" y="94143"/>
                </a:lnTo>
                <a:lnTo>
                  <a:pt x="0" y="77718"/>
                </a:lnTo>
                <a:lnTo>
                  <a:pt x="0" y="71667"/>
                </a:lnTo>
                <a:lnTo>
                  <a:pt x="0" y="70803"/>
                </a:lnTo>
                <a:cubicBezTo>
                  <a:pt x="0" y="31750"/>
                  <a:pt x="31750" y="0"/>
                  <a:pt x="70802" y="0"/>
                </a:cubicBezTo>
                <a:close/>
              </a:path>
            </a:pathLst>
          </a:custGeom>
          <a:solidFill>
            <a:srgbClr val="E9ADE5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29" name="Frame 3 {PHJU}">
            <a:extLst>
              <a:ext uri="{FF2B5EF4-FFF2-40B4-BE49-F238E27FC236}">
                <a16:creationId xmlns:a16="http://schemas.microsoft.com/office/drawing/2014/main" id="{1131A9A0-72EF-0420-3307-0CF2FA450C0F}"/>
              </a:ext>
            </a:extLst>
          </p:cNvPr>
          <p:cNvSpPr>
            <a:spLocks noGrp="1" noSelect="1"/>
          </p:cNvSpPr>
          <p:nvPr>
            <p:ph type="body" sz="quarter" idx="39" hasCustomPrompt="1"/>
          </p:nvPr>
        </p:nvSpPr>
        <p:spPr>
          <a:xfrm>
            <a:off x="9999664" y="3435650"/>
            <a:ext cx="309562" cy="309263"/>
          </a:xfrm>
          <a:custGeom>
            <a:avLst/>
            <a:gdLst>
              <a:gd name="connsiteX0" fmla="*/ 234237 w 309562"/>
              <a:gd name="connsiteY0" fmla="*/ 115707 h 309263"/>
              <a:gd name="connsiteX1" fmla="*/ 234873 w 309562"/>
              <a:gd name="connsiteY1" fmla="*/ 130327 h 309263"/>
              <a:gd name="connsiteX2" fmla="*/ 153509 w 309562"/>
              <a:gd name="connsiteY2" fmla="*/ 219000 h 309263"/>
              <a:gd name="connsiteX3" fmla="*/ 145881 w 309562"/>
              <a:gd name="connsiteY3" fmla="*/ 222179 h 309263"/>
              <a:gd name="connsiteX4" fmla="*/ 145564 w 309562"/>
              <a:gd name="connsiteY4" fmla="*/ 222179 h 309263"/>
              <a:gd name="connsiteX5" fmla="*/ 137936 w 309562"/>
              <a:gd name="connsiteY5" fmla="*/ 218683 h 309263"/>
              <a:gd name="connsiteX6" fmla="*/ 86448 w 309562"/>
              <a:gd name="connsiteY6" fmla="*/ 159567 h 309263"/>
              <a:gd name="connsiteX7" fmla="*/ 87401 w 309562"/>
              <a:gd name="connsiteY7" fmla="*/ 145265 h 309263"/>
              <a:gd name="connsiteX8" fmla="*/ 102021 w 309562"/>
              <a:gd name="connsiteY8" fmla="*/ 146218 h 309263"/>
              <a:gd name="connsiteX9" fmla="*/ 145881 w 309562"/>
              <a:gd name="connsiteY9" fmla="*/ 196435 h 309263"/>
              <a:gd name="connsiteX10" fmla="*/ 219935 w 309562"/>
              <a:gd name="connsiteY10" fmla="*/ 116342 h 309263"/>
              <a:gd name="connsiteX11" fmla="*/ 234237 w 309562"/>
              <a:gd name="connsiteY11" fmla="*/ 115707 h 309263"/>
              <a:gd name="connsiteX12" fmla="*/ 154145 w 309562"/>
              <a:gd name="connsiteY12" fmla="*/ 14638 h 309263"/>
              <a:gd name="connsiteX13" fmla="*/ 102339 w 309562"/>
              <a:gd name="connsiteY13" fmla="*/ 24808 h 309263"/>
              <a:gd name="connsiteX14" fmla="*/ 55619 w 309562"/>
              <a:gd name="connsiteY14" fmla="*/ 55955 h 309263"/>
              <a:gd name="connsiteX15" fmla="*/ 25107 w 309562"/>
              <a:gd name="connsiteY15" fmla="*/ 102040 h 309263"/>
              <a:gd name="connsiteX16" fmla="*/ 14619 w 309562"/>
              <a:gd name="connsiteY16" fmla="*/ 155117 h 309263"/>
              <a:gd name="connsiteX17" fmla="*/ 25107 w 309562"/>
              <a:gd name="connsiteY17" fmla="*/ 207876 h 309263"/>
              <a:gd name="connsiteX18" fmla="*/ 55619 w 309562"/>
              <a:gd name="connsiteY18" fmla="*/ 253961 h 309263"/>
              <a:gd name="connsiteX19" fmla="*/ 101703 w 309562"/>
              <a:gd name="connsiteY19" fmla="*/ 284473 h 309263"/>
              <a:gd name="connsiteX20" fmla="*/ 154145 w 309562"/>
              <a:gd name="connsiteY20" fmla="*/ 294643 h 309263"/>
              <a:gd name="connsiteX21" fmla="*/ 206904 w 309562"/>
              <a:gd name="connsiteY21" fmla="*/ 283837 h 309263"/>
              <a:gd name="connsiteX22" fmla="*/ 253307 w 309562"/>
              <a:gd name="connsiteY22" fmla="*/ 253008 h 309263"/>
              <a:gd name="connsiteX23" fmla="*/ 284136 w 309562"/>
              <a:gd name="connsiteY23" fmla="*/ 206923 h 309263"/>
              <a:gd name="connsiteX24" fmla="*/ 294942 w 309562"/>
              <a:gd name="connsiteY24" fmla="*/ 154482 h 309263"/>
              <a:gd name="connsiteX25" fmla="*/ 285089 w 309562"/>
              <a:gd name="connsiteY25" fmla="*/ 102358 h 309263"/>
              <a:gd name="connsiteX26" fmla="*/ 254578 w 309562"/>
              <a:gd name="connsiteY26" fmla="*/ 56591 h 309263"/>
              <a:gd name="connsiteX27" fmla="*/ 207858 w 309562"/>
              <a:gd name="connsiteY27" fmla="*/ 25444 h 309263"/>
              <a:gd name="connsiteX28" fmla="*/ 155098 w 309562"/>
              <a:gd name="connsiteY28" fmla="*/ 14638 h 309263"/>
              <a:gd name="connsiteX29" fmla="*/ 154145 w 309562"/>
              <a:gd name="connsiteY29" fmla="*/ 14638 h 309263"/>
              <a:gd name="connsiteX30" fmla="*/ 155098 w 309562"/>
              <a:gd name="connsiteY30" fmla="*/ 18 h 309263"/>
              <a:gd name="connsiteX31" fmla="*/ 213261 w 309562"/>
              <a:gd name="connsiteY31" fmla="*/ 11778 h 309263"/>
              <a:gd name="connsiteX32" fmla="*/ 265066 w 309562"/>
              <a:gd name="connsiteY32" fmla="*/ 46421 h 309263"/>
              <a:gd name="connsiteX33" fmla="*/ 298756 w 309562"/>
              <a:gd name="connsiteY33" fmla="*/ 96955 h 309263"/>
              <a:gd name="connsiteX34" fmla="*/ 309562 w 309562"/>
              <a:gd name="connsiteY34" fmla="*/ 154482 h 309263"/>
              <a:gd name="connsiteX35" fmla="*/ 297802 w 309562"/>
              <a:gd name="connsiteY35" fmla="*/ 212326 h 309263"/>
              <a:gd name="connsiteX36" fmla="*/ 263477 w 309562"/>
              <a:gd name="connsiteY36" fmla="*/ 263496 h 309263"/>
              <a:gd name="connsiteX37" fmla="*/ 212307 w 309562"/>
              <a:gd name="connsiteY37" fmla="*/ 297504 h 309263"/>
              <a:gd name="connsiteX38" fmla="*/ 154463 w 309562"/>
              <a:gd name="connsiteY38" fmla="*/ 309263 h 309263"/>
              <a:gd name="connsiteX39" fmla="*/ 152556 w 309562"/>
              <a:gd name="connsiteY39" fmla="*/ 309263 h 309263"/>
              <a:gd name="connsiteX40" fmla="*/ 96300 w 309562"/>
              <a:gd name="connsiteY40" fmla="*/ 298139 h 309263"/>
              <a:gd name="connsiteX41" fmla="*/ 45130 w 309562"/>
              <a:gd name="connsiteY41" fmla="*/ 264450 h 309263"/>
              <a:gd name="connsiteX42" fmla="*/ 11441 w 309562"/>
              <a:gd name="connsiteY42" fmla="*/ 213280 h 309263"/>
              <a:gd name="connsiteX43" fmla="*/ 0 w 309562"/>
              <a:gd name="connsiteY43" fmla="*/ 155122 h 309263"/>
              <a:gd name="connsiteX44" fmla="*/ 0 w 309562"/>
              <a:gd name="connsiteY44" fmla="*/ 155112 h 309263"/>
              <a:gd name="connsiteX45" fmla="*/ 11441 w 309562"/>
              <a:gd name="connsiteY45" fmla="*/ 96637 h 309263"/>
              <a:gd name="connsiteX46" fmla="*/ 45130 w 309562"/>
              <a:gd name="connsiteY46" fmla="*/ 45785 h 309263"/>
              <a:gd name="connsiteX47" fmla="*/ 96936 w 309562"/>
              <a:gd name="connsiteY47" fmla="*/ 11142 h 309263"/>
              <a:gd name="connsiteX48" fmla="*/ 155098 w 309562"/>
              <a:gd name="connsiteY48" fmla="*/ 18 h 30926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</a:cxnLst>
            <a:rect l="l" t="t" r="r" b="b"/>
            <a:pathLst>
              <a:path w="309562" h="309263">
                <a:moveTo>
                  <a:pt x="234237" y="115707"/>
                </a:moveTo>
                <a:cubicBezTo>
                  <a:pt x="238687" y="119521"/>
                  <a:pt x="238687" y="126195"/>
                  <a:pt x="234873" y="130327"/>
                </a:cubicBezTo>
                <a:cubicBezTo>
                  <a:pt x="153509" y="219000"/>
                  <a:pt x="153509" y="219000"/>
                  <a:pt x="153509" y="219000"/>
                </a:cubicBezTo>
                <a:cubicBezTo>
                  <a:pt x="151284" y="220907"/>
                  <a:pt x="148742" y="222179"/>
                  <a:pt x="145881" y="222179"/>
                </a:cubicBezTo>
                <a:cubicBezTo>
                  <a:pt x="145564" y="222179"/>
                  <a:pt x="145564" y="222179"/>
                  <a:pt x="145564" y="222179"/>
                </a:cubicBezTo>
                <a:cubicBezTo>
                  <a:pt x="142703" y="222179"/>
                  <a:pt x="139843" y="220907"/>
                  <a:pt x="137936" y="218683"/>
                </a:cubicBezTo>
                <a:cubicBezTo>
                  <a:pt x="86448" y="159567"/>
                  <a:pt x="86448" y="159567"/>
                  <a:pt x="86448" y="159567"/>
                </a:cubicBezTo>
                <a:cubicBezTo>
                  <a:pt x="82634" y="155435"/>
                  <a:pt x="83270" y="148761"/>
                  <a:pt x="87401" y="145265"/>
                </a:cubicBezTo>
                <a:cubicBezTo>
                  <a:pt x="91533" y="141451"/>
                  <a:pt x="98207" y="141769"/>
                  <a:pt x="102021" y="146218"/>
                </a:cubicBezTo>
                <a:cubicBezTo>
                  <a:pt x="145881" y="196435"/>
                  <a:pt x="145881" y="196435"/>
                  <a:pt x="145881" y="196435"/>
                </a:cubicBezTo>
                <a:cubicBezTo>
                  <a:pt x="219935" y="116342"/>
                  <a:pt x="219935" y="116342"/>
                  <a:pt x="219935" y="116342"/>
                </a:cubicBezTo>
                <a:cubicBezTo>
                  <a:pt x="223749" y="112211"/>
                  <a:pt x="230105" y="111893"/>
                  <a:pt x="234237" y="115707"/>
                </a:cubicBezTo>
                <a:close/>
                <a:moveTo>
                  <a:pt x="154145" y="14638"/>
                </a:moveTo>
                <a:cubicBezTo>
                  <a:pt x="136664" y="14638"/>
                  <a:pt x="119184" y="18134"/>
                  <a:pt x="102339" y="24808"/>
                </a:cubicBezTo>
                <a:cubicBezTo>
                  <a:pt x="85176" y="31801"/>
                  <a:pt x="69285" y="42289"/>
                  <a:pt x="55619" y="55955"/>
                </a:cubicBezTo>
                <a:cubicBezTo>
                  <a:pt x="42270" y="69622"/>
                  <a:pt x="31782" y="84878"/>
                  <a:pt x="25107" y="102040"/>
                </a:cubicBezTo>
                <a:cubicBezTo>
                  <a:pt x="18115" y="119203"/>
                  <a:pt x="14619" y="137001"/>
                  <a:pt x="14619" y="155117"/>
                </a:cubicBezTo>
                <a:cubicBezTo>
                  <a:pt x="14619" y="172916"/>
                  <a:pt x="18115" y="190714"/>
                  <a:pt x="25107" y="207876"/>
                </a:cubicBezTo>
                <a:cubicBezTo>
                  <a:pt x="31782" y="225039"/>
                  <a:pt x="42270" y="240613"/>
                  <a:pt x="55619" y="253961"/>
                </a:cubicBezTo>
                <a:cubicBezTo>
                  <a:pt x="68967" y="267310"/>
                  <a:pt x="84541" y="277798"/>
                  <a:pt x="101703" y="284473"/>
                </a:cubicBezTo>
                <a:cubicBezTo>
                  <a:pt x="118866" y="291465"/>
                  <a:pt x="136982" y="294643"/>
                  <a:pt x="154145" y="294643"/>
                </a:cubicBezTo>
                <a:cubicBezTo>
                  <a:pt x="171943" y="294325"/>
                  <a:pt x="189741" y="290829"/>
                  <a:pt x="206904" y="283837"/>
                </a:cubicBezTo>
                <a:cubicBezTo>
                  <a:pt x="224067" y="277163"/>
                  <a:pt x="239640" y="266674"/>
                  <a:pt x="253307" y="253008"/>
                </a:cubicBezTo>
                <a:cubicBezTo>
                  <a:pt x="266973" y="239341"/>
                  <a:pt x="277462" y="223768"/>
                  <a:pt x="284136" y="206923"/>
                </a:cubicBezTo>
                <a:cubicBezTo>
                  <a:pt x="291128" y="189760"/>
                  <a:pt x="294624" y="172280"/>
                  <a:pt x="294942" y="154482"/>
                </a:cubicBezTo>
                <a:cubicBezTo>
                  <a:pt x="294942" y="136683"/>
                  <a:pt x="291764" y="119203"/>
                  <a:pt x="285089" y="102358"/>
                </a:cubicBezTo>
                <a:cubicBezTo>
                  <a:pt x="278415" y="85513"/>
                  <a:pt x="268245" y="70258"/>
                  <a:pt x="254578" y="56591"/>
                </a:cubicBezTo>
                <a:cubicBezTo>
                  <a:pt x="240911" y="42607"/>
                  <a:pt x="225020" y="32118"/>
                  <a:pt x="207858" y="25444"/>
                </a:cubicBezTo>
                <a:cubicBezTo>
                  <a:pt x="190695" y="18452"/>
                  <a:pt x="172897" y="14956"/>
                  <a:pt x="155098" y="14638"/>
                </a:cubicBezTo>
                <a:cubicBezTo>
                  <a:pt x="154780" y="14638"/>
                  <a:pt x="154463" y="14638"/>
                  <a:pt x="154145" y="14638"/>
                </a:cubicBezTo>
                <a:close/>
                <a:moveTo>
                  <a:pt x="155098" y="18"/>
                </a:moveTo>
                <a:cubicBezTo>
                  <a:pt x="174804" y="18"/>
                  <a:pt x="194509" y="4150"/>
                  <a:pt x="213261" y="11778"/>
                </a:cubicBezTo>
                <a:cubicBezTo>
                  <a:pt x="232330" y="19405"/>
                  <a:pt x="249811" y="30847"/>
                  <a:pt x="265066" y="46421"/>
                </a:cubicBezTo>
                <a:cubicBezTo>
                  <a:pt x="280004" y="61041"/>
                  <a:pt x="291128" y="78203"/>
                  <a:pt x="298756" y="96955"/>
                </a:cubicBezTo>
                <a:cubicBezTo>
                  <a:pt x="306066" y="115707"/>
                  <a:pt x="309562" y="135094"/>
                  <a:pt x="309562" y="154482"/>
                </a:cubicBezTo>
                <a:cubicBezTo>
                  <a:pt x="309244" y="174187"/>
                  <a:pt x="305430" y="193574"/>
                  <a:pt x="297802" y="212326"/>
                </a:cubicBezTo>
                <a:cubicBezTo>
                  <a:pt x="290175" y="231078"/>
                  <a:pt x="278733" y="248240"/>
                  <a:pt x="263477" y="263496"/>
                </a:cubicBezTo>
                <a:cubicBezTo>
                  <a:pt x="248539" y="278434"/>
                  <a:pt x="231377" y="289876"/>
                  <a:pt x="212307" y="297504"/>
                </a:cubicBezTo>
                <a:cubicBezTo>
                  <a:pt x="193555" y="305131"/>
                  <a:pt x="173850" y="308945"/>
                  <a:pt x="154463" y="309263"/>
                </a:cubicBezTo>
                <a:cubicBezTo>
                  <a:pt x="153827" y="309263"/>
                  <a:pt x="153191" y="309263"/>
                  <a:pt x="152556" y="309263"/>
                </a:cubicBezTo>
                <a:cubicBezTo>
                  <a:pt x="133486" y="309263"/>
                  <a:pt x="114734" y="305449"/>
                  <a:pt x="96300" y="298139"/>
                </a:cubicBezTo>
                <a:cubicBezTo>
                  <a:pt x="77231" y="290511"/>
                  <a:pt x="60068" y="279070"/>
                  <a:pt x="45130" y="264450"/>
                </a:cubicBezTo>
                <a:cubicBezTo>
                  <a:pt x="30193" y="249512"/>
                  <a:pt x="19069" y="232349"/>
                  <a:pt x="11441" y="213280"/>
                </a:cubicBezTo>
                <a:lnTo>
                  <a:pt x="0" y="155122"/>
                </a:lnTo>
                <a:lnTo>
                  <a:pt x="0" y="155112"/>
                </a:lnTo>
                <a:lnTo>
                  <a:pt x="11441" y="96637"/>
                </a:lnTo>
                <a:cubicBezTo>
                  <a:pt x="19069" y="77568"/>
                  <a:pt x="30510" y="60405"/>
                  <a:pt x="45130" y="45785"/>
                </a:cubicBezTo>
                <a:cubicBezTo>
                  <a:pt x="60386" y="30529"/>
                  <a:pt x="77866" y="18770"/>
                  <a:pt x="96936" y="11142"/>
                </a:cubicBezTo>
                <a:cubicBezTo>
                  <a:pt x="115688" y="3832"/>
                  <a:pt x="135711" y="-300"/>
                  <a:pt x="155098" y="18"/>
                </a:cubicBezTo>
                <a:close/>
              </a:path>
            </a:pathLst>
          </a:custGeom>
          <a:solidFill>
            <a:srgbClr val="000000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31" name="Frame 4 {PHJU}">
            <a:extLst>
              <a:ext uri="{FF2B5EF4-FFF2-40B4-BE49-F238E27FC236}">
                <a16:creationId xmlns:a16="http://schemas.microsoft.com/office/drawing/2014/main" id="{B23B8C30-F8A6-921D-7C10-BDC1AC09C3AC}"/>
              </a:ext>
            </a:extLst>
          </p:cNvPr>
          <p:cNvSpPr>
            <a:spLocks noGrp="1" noSelect="1"/>
          </p:cNvSpPr>
          <p:nvPr>
            <p:ph type="body" sz="quarter" idx="40" hasCustomPrompt="1"/>
          </p:nvPr>
        </p:nvSpPr>
        <p:spPr>
          <a:xfrm>
            <a:off x="2032002" y="3473451"/>
            <a:ext cx="315912" cy="315912"/>
          </a:xfrm>
          <a:custGeom>
            <a:avLst/>
            <a:gdLst>
              <a:gd name="connsiteX0" fmla="*/ 158115 w 315912"/>
              <a:gd name="connsiteY0" fmla="*/ 87576 h 315912"/>
              <a:gd name="connsiteX1" fmla="*/ 168295 w 315912"/>
              <a:gd name="connsiteY1" fmla="*/ 98085 h 315912"/>
              <a:gd name="connsiteX2" fmla="*/ 168295 w 315912"/>
              <a:gd name="connsiteY2" fmla="*/ 147765 h 315912"/>
              <a:gd name="connsiteX3" fmla="*/ 217925 w 315912"/>
              <a:gd name="connsiteY3" fmla="*/ 147765 h 315912"/>
              <a:gd name="connsiteX4" fmla="*/ 228105 w 315912"/>
              <a:gd name="connsiteY4" fmla="*/ 157956 h 315912"/>
              <a:gd name="connsiteX5" fmla="*/ 217925 w 315912"/>
              <a:gd name="connsiteY5" fmla="*/ 168465 h 315912"/>
              <a:gd name="connsiteX6" fmla="*/ 168295 w 315912"/>
              <a:gd name="connsiteY6" fmla="*/ 168465 h 315912"/>
              <a:gd name="connsiteX7" fmla="*/ 168295 w 315912"/>
              <a:gd name="connsiteY7" fmla="*/ 218145 h 315912"/>
              <a:gd name="connsiteX8" fmla="*/ 158115 w 315912"/>
              <a:gd name="connsiteY8" fmla="*/ 228335 h 315912"/>
              <a:gd name="connsiteX9" fmla="*/ 147616 w 315912"/>
              <a:gd name="connsiteY9" fmla="*/ 218145 h 315912"/>
              <a:gd name="connsiteX10" fmla="*/ 147616 w 315912"/>
              <a:gd name="connsiteY10" fmla="*/ 168465 h 315912"/>
              <a:gd name="connsiteX11" fmla="*/ 97986 w 315912"/>
              <a:gd name="connsiteY11" fmla="*/ 168465 h 315912"/>
              <a:gd name="connsiteX12" fmla="*/ 87806 w 315912"/>
              <a:gd name="connsiteY12" fmla="*/ 157956 h 315912"/>
              <a:gd name="connsiteX13" fmla="*/ 97986 w 315912"/>
              <a:gd name="connsiteY13" fmla="*/ 147765 h 315912"/>
              <a:gd name="connsiteX14" fmla="*/ 147616 w 315912"/>
              <a:gd name="connsiteY14" fmla="*/ 147765 h 315912"/>
              <a:gd name="connsiteX15" fmla="*/ 147616 w 315912"/>
              <a:gd name="connsiteY15" fmla="*/ 98085 h 315912"/>
              <a:gd name="connsiteX16" fmla="*/ 158115 w 315912"/>
              <a:gd name="connsiteY16" fmla="*/ 87576 h 315912"/>
              <a:gd name="connsiteX17" fmla="*/ 157478 w 315912"/>
              <a:gd name="connsiteY17" fmla="*/ 20699 h 315912"/>
              <a:gd name="connsiteX18" fmla="*/ 106576 w 315912"/>
              <a:gd name="connsiteY18" fmla="*/ 30571 h 315912"/>
              <a:gd name="connsiteX19" fmla="*/ 60764 w 315912"/>
              <a:gd name="connsiteY19" fmla="*/ 61144 h 315912"/>
              <a:gd name="connsiteX20" fmla="*/ 30859 w 315912"/>
              <a:gd name="connsiteY20" fmla="*/ 106365 h 315912"/>
              <a:gd name="connsiteX21" fmla="*/ 20678 w 315912"/>
              <a:gd name="connsiteY21" fmla="*/ 158274 h 315912"/>
              <a:gd name="connsiteX22" fmla="*/ 30859 w 315912"/>
              <a:gd name="connsiteY22" fmla="*/ 210502 h 315912"/>
              <a:gd name="connsiteX23" fmla="*/ 60764 w 315912"/>
              <a:gd name="connsiteY23" fmla="*/ 255723 h 315912"/>
              <a:gd name="connsiteX24" fmla="*/ 105940 w 315912"/>
              <a:gd name="connsiteY24" fmla="*/ 285658 h 315912"/>
              <a:gd name="connsiteX25" fmla="*/ 157478 w 315912"/>
              <a:gd name="connsiteY25" fmla="*/ 295531 h 315912"/>
              <a:gd name="connsiteX26" fmla="*/ 209017 w 315912"/>
              <a:gd name="connsiteY26" fmla="*/ 285021 h 315912"/>
              <a:gd name="connsiteX27" fmla="*/ 254511 w 315912"/>
              <a:gd name="connsiteY27" fmla="*/ 254768 h 315912"/>
              <a:gd name="connsiteX28" fmla="*/ 284734 w 315912"/>
              <a:gd name="connsiteY28" fmla="*/ 209228 h 315912"/>
              <a:gd name="connsiteX29" fmla="*/ 295233 w 315912"/>
              <a:gd name="connsiteY29" fmla="*/ 157956 h 315912"/>
              <a:gd name="connsiteX30" fmla="*/ 285371 w 315912"/>
              <a:gd name="connsiteY30" fmla="*/ 106683 h 315912"/>
              <a:gd name="connsiteX31" fmla="*/ 255784 w 315912"/>
              <a:gd name="connsiteY31" fmla="*/ 61780 h 315912"/>
              <a:gd name="connsiteX32" fmla="*/ 209972 w 315912"/>
              <a:gd name="connsiteY32" fmla="*/ 31208 h 315912"/>
              <a:gd name="connsiteX33" fmla="*/ 158115 w 315912"/>
              <a:gd name="connsiteY33" fmla="*/ 20699 h 315912"/>
              <a:gd name="connsiteX34" fmla="*/ 157478 w 315912"/>
              <a:gd name="connsiteY34" fmla="*/ 20699 h 315912"/>
              <a:gd name="connsiteX35" fmla="*/ 157473 w 315912"/>
              <a:gd name="connsiteY35" fmla="*/ 0 h 315912"/>
              <a:gd name="connsiteX36" fmla="*/ 158120 w 315912"/>
              <a:gd name="connsiteY36" fmla="*/ 0 h 315912"/>
              <a:gd name="connsiteX37" fmla="*/ 217607 w 315912"/>
              <a:gd name="connsiteY37" fmla="*/ 12101 h 315912"/>
              <a:gd name="connsiteX38" fmla="*/ 270418 w 315912"/>
              <a:gd name="connsiteY38" fmla="*/ 47131 h 315912"/>
              <a:gd name="connsiteX39" fmla="*/ 304777 w 315912"/>
              <a:gd name="connsiteY39" fmla="*/ 99040 h 315912"/>
              <a:gd name="connsiteX40" fmla="*/ 315912 w 315912"/>
              <a:gd name="connsiteY40" fmla="*/ 157956 h 315912"/>
              <a:gd name="connsiteX41" fmla="*/ 303823 w 315912"/>
              <a:gd name="connsiteY41" fmla="*/ 217189 h 315912"/>
              <a:gd name="connsiteX42" fmla="*/ 268827 w 315912"/>
              <a:gd name="connsiteY42" fmla="*/ 269417 h 315912"/>
              <a:gd name="connsiteX43" fmla="*/ 216652 w 315912"/>
              <a:gd name="connsiteY43" fmla="*/ 304129 h 315912"/>
              <a:gd name="connsiteX44" fmla="*/ 157478 w 315912"/>
              <a:gd name="connsiteY44" fmla="*/ 315912 h 315912"/>
              <a:gd name="connsiteX45" fmla="*/ 155888 w 315912"/>
              <a:gd name="connsiteY45" fmla="*/ 315912 h 315912"/>
              <a:gd name="connsiteX46" fmla="*/ 98304 w 315912"/>
              <a:gd name="connsiteY46" fmla="*/ 304766 h 315912"/>
              <a:gd name="connsiteX47" fmla="*/ 46129 w 315912"/>
              <a:gd name="connsiteY47" fmla="*/ 270054 h 315912"/>
              <a:gd name="connsiteX48" fmla="*/ 11770 w 315912"/>
              <a:gd name="connsiteY48" fmla="*/ 218145 h 315912"/>
              <a:gd name="connsiteX49" fmla="*/ 0 w 315912"/>
              <a:gd name="connsiteY49" fmla="*/ 158279 h 315912"/>
              <a:gd name="connsiteX50" fmla="*/ 0 w 315912"/>
              <a:gd name="connsiteY50" fmla="*/ 158269 h 315912"/>
              <a:gd name="connsiteX51" fmla="*/ 11770 w 315912"/>
              <a:gd name="connsiteY51" fmla="*/ 98722 h 315912"/>
              <a:gd name="connsiteX52" fmla="*/ 46129 w 315912"/>
              <a:gd name="connsiteY52" fmla="*/ 46813 h 315912"/>
              <a:gd name="connsiteX53" fmla="*/ 98941 w 315912"/>
              <a:gd name="connsiteY53" fmla="*/ 11464 h 31591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</a:cxnLst>
            <a:rect l="l" t="t" r="r" b="b"/>
            <a:pathLst>
              <a:path w="315912" h="315912">
                <a:moveTo>
                  <a:pt x="158115" y="87576"/>
                </a:moveTo>
                <a:cubicBezTo>
                  <a:pt x="163523" y="87576"/>
                  <a:pt x="168295" y="92353"/>
                  <a:pt x="168295" y="98085"/>
                </a:cubicBezTo>
                <a:cubicBezTo>
                  <a:pt x="168295" y="147765"/>
                  <a:pt x="168295" y="147765"/>
                  <a:pt x="168295" y="147765"/>
                </a:cubicBezTo>
                <a:cubicBezTo>
                  <a:pt x="217925" y="147765"/>
                  <a:pt x="217925" y="147765"/>
                  <a:pt x="217925" y="147765"/>
                </a:cubicBezTo>
                <a:cubicBezTo>
                  <a:pt x="223652" y="147765"/>
                  <a:pt x="228105" y="152223"/>
                  <a:pt x="228105" y="157956"/>
                </a:cubicBezTo>
                <a:cubicBezTo>
                  <a:pt x="228105" y="163688"/>
                  <a:pt x="223652" y="168465"/>
                  <a:pt x="217925" y="168465"/>
                </a:cubicBezTo>
                <a:cubicBezTo>
                  <a:pt x="168295" y="168465"/>
                  <a:pt x="168295" y="168465"/>
                  <a:pt x="168295" y="168465"/>
                </a:cubicBezTo>
                <a:cubicBezTo>
                  <a:pt x="168295" y="218145"/>
                  <a:pt x="168295" y="218145"/>
                  <a:pt x="168295" y="218145"/>
                </a:cubicBezTo>
                <a:cubicBezTo>
                  <a:pt x="168295" y="223877"/>
                  <a:pt x="163523" y="228335"/>
                  <a:pt x="158115" y="228335"/>
                </a:cubicBezTo>
                <a:cubicBezTo>
                  <a:pt x="152388" y="228335"/>
                  <a:pt x="147616" y="223877"/>
                  <a:pt x="147616" y="218145"/>
                </a:cubicBezTo>
                <a:cubicBezTo>
                  <a:pt x="147616" y="168465"/>
                  <a:pt x="147616" y="168465"/>
                  <a:pt x="147616" y="168465"/>
                </a:cubicBezTo>
                <a:cubicBezTo>
                  <a:pt x="97986" y="168465"/>
                  <a:pt x="97986" y="168465"/>
                  <a:pt x="97986" y="168465"/>
                </a:cubicBezTo>
                <a:cubicBezTo>
                  <a:pt x="92260" y="168465"/>
                  <a:pt x="87806" y="163688"/>
                  <a:pt x="87806" y="157956"/>
                </a:cubicBezTo>
                <a:cubicBezTo>
                  <a:pt x="87806" y="152223"/>
                  <a:pt x="92260" y="147765"/>
                  <a:pt x="97986" y="147765"/>
                </a:cubicBezTo>
                <a:cubicBezTo>
                  <a:pt x="147616" y="147765"/>
                  <a:pt x="147616" y="147765"/>
                  <a:pt x="147616" y="147765"/>
                </a:cubicBezTo>
                <a:cubicBezTo>
                  <a:pt x="147616" y="98085"/>
                  <a:pt x="147616" y="98085"/>
                  <a:pt x="147616" y="98085"/>
                </a:cubicBezTo>
                <a:cubicBezTo>
                  <a:pt x="147616" y="92353"/>
                  <a:pt x="152388" y="87576"/>
                  <a:pt x="158115" y="87576"/>
                </a:cubicBezTo>
                <a:close/>
                <a:moveTo>
                  <a:pt x="157478" y="20699"/>
                </a:moveTo>
                <a:cubicBezTo>
                  <a:pt x="140299" y="20699"/>
                  <a:pt x="123119" y="23884"/>
                  <a:pt x="106576" y="30571"/>
                </a:cubicBezTo>
                <a:cubicBezTo>
                  <a:pt x="89715" y="37259"/>
                  <a:pt x="74444" y="47768"/>
                  <a:pt x="60764" y="61144"/>
                </a:cubicBezTo>
                <a:cubicBezTo>
                  <a:pt x="47720" y="74519"/>
                  <a:pt x="37540" y="89805"/>
                  <a:pt x="30859" y="106365"/>
                </a:cubicBezTo>
                <a:cubicBezTo>
                  <a:pt x="24178" y="123243"/>
                  <a:pt x="20678" y="140759"/>
                  <a:pt x="20678" y="158274"/>
                </a:cubicBezTo>
                <a:cubicBezTo>
                  <a:pt x="20678" y="176108"/>
                  <a:pt x="24178" y="193623"/>
                  <a:pt x="30859" y="210502"/>
                </a:cubicBezTo>
                <a:cubicBezTo>
                  <a:pt x="37540" y="227062"/>
                  <a:pt x="47720" y="242348"/>
                  <a:pt x="60764" y="255723"/>
                </a:cubicBezTo>
                <a:cubicBezTo>
                  <a:pt x="74126" y="268780"/>
                  <a:pt x="89078" y="278971"/>
                  <a:pt x="105940" y="285658"/>
                </a:cubicBezTo>
                <a:cubicBezTo>
                  <a:pt x="122483" y="292346"/>
                  <a:pt x="139981" y="295531"/>
                  <a:pt x="157478" y="295531"/>
                </a:cubicBezTo>
                <a:cubicBezTo>
                  <a:pt x="174658" y="295212"/>
                  <a:pt x="192156" y="291709"/>
                  <a:pt x="209017" y="285021"/>
                </a:cubicBezTo>
                <a:cubicBezTo>
                  <a:pt x="225879" y="278334"/>
                  <a:pt x="241149" y="268143"/>
                  <a:pt x="254511" y="254768"/>
                </a:cubicBezTo>
                <a:cubicBezTo>
                  <a:pt x="267873" y="241392"/>
                  <a:pt x="278053" y="226106"/>
                  <a:pt x="284734" y="209228"/>
                </a:cubicBezTo>
                <a:cubicBezTo>
                  <a:pt x="291734" y="192668"/>
                  <a:pt x="295233" y="175153"/>
                  <a:pt x="295233" y="157956"/>
                </a:cubicBezTo>
                <a:cubicBezTo>
                  <a:pt x="295233" y="140440"/>
                  <a:pt x="292052" y="123243"/>
                  <a:pt x="285371" y="106683"/>
                </a:cubicBezTo>
                <a:cubicBezTo>
                  <a:pt x="279008" y="90124"/>
                  <a:pt x="269146" y="75156"/>
                  <a:pt x="255784" y="61780"/>
                </a:cubicBezTo>
                <a:cubicBezTo>
                  <a:pt x="242422" y="48087"/>
                  <a:pt x="226833" y="37896"/>
                  <a:pt x="209972" y="31208"/>
                </a:cubicBezTo>
                <a:cubicBezTo>
                  <a:pt x="193110" y="24202"/>
                  <a:pt x="175612" y="20699"/>
                  <a:pt x="158115" y="20699"/>
                </a:cubicBezTo>
                <a:cubicBezTo>
                  <a:pt x="157797" y="20699"/>
                  <a:pt x="157478" y="20699"/>
                  <a:pt x="157478" y="20699"/>
                </a:cubicBezTo>
                <a:close/>
                <a:moveTo>
                  <a:pt x="157473" y="0"/>
                </a:moveTo>
                <a:lnTo>
                  <a:pt x="158120" y="0"/>
                </a:lnTo>
                <a:lnTo>
                  <a:pt x="217607" y="12101"/>
                </a:lnTo>
                <a:cubicBezTo>
                  <a:pt x="237013" y="19744"/>
                  <a:pt x="254829" y="31845"/>
                  <a:pt x="270418" y="47131"/>
                </a:cubicBezTo>
                <a:cubicBezTo>
                  <a:pt x="285689" y="62417"/>
                  <a:pt x="297142" y="79933"/>
                  <a:pt x="304777" y="99040"/>
                </a:cubicBezTo>
                <a:cubicBezTo>
                  <a:pt x="312094" y="118148"/>
                  <a:pt x="315912" y="138211"/>
                  <a:pt x="315912" y="157956"/>
                </a:cubicBezTo>
                <a:cubicBezTo>
                  <a:pt x="315594" y="178019"/>
                  <a:pt x="311776" y="197763"/>
                  <a:pt x="303823" y="217189"/>
                </a:cubicBezTo>
                <a:cubicBezTo>
                  <a:pt x="296187" y="236297"/>
                  <a:pt x="284416" y="253812"/>
                  <a:pt x="268827" y="269417"/>
                </a:cubicBezTo>
                <a:cubicBezTo>
                  <a:pt x="253557" y="284703"/>
                  <a:pt x="236059" y="296486"/>
                  <a:pt x="216652" y="304129"/>
                </a:cubicBezTo>
                <a:cubicBezTo>
                  <a:pt x="197564" y="311772"/>
                  <a:pt x="177521" y="315912"/>
                  <a:pt x="157478" y="315912"/>
                </a:cubicBezTo>
                <a:cubicBezTo>
                  <a:pt x="157160" y="315912"/>
                  <a:pt x="156524" y="315912"/>
                  <a:pt x="155888" y="315912"/>
                </a:cubicBezTo>
                <a:cubicBezTo>
                  <a:pt x="136481" y="315912"/>
                  <a:pt x="117075" y="312091"/>
                  <a:pt x="98304" y="304766"/>
                </a:cubicBezTo>
                <a:cubicBezTo>
                  <a:pt x="78898" y="297123"/>
                  <a:pt x="61400" y="285340"/>
                  <a:pt x="46129" y="270054"/>
                </a:cubicBezTo>
                <a:cubicBezTo>
                  <a:pt x="31177" y="255086"/>
                  <a:pt x="19406" y="237252"/>
                  <a:pt x="11770" y="218145"/>
                </a:cubicBezTo>
                <a:lnTo>
                  <a:pt x="0" y="158279"/>
                </a:lnTo>
                <a:lnTo>
                  <a:pt x="0" y="158269"/>
                </a:lnTo>
                <a:lnTo>
                  <a:pt x="11770" y="98722"/>
                </a:lnTo>
                <a:cubicBezTo>
                  <a:pt x="19406" y="79296"/>
                  <a:pt x="31177" y="61780"/>
                  <a:pt x="46129" y="46813"/>
                </a:cubicBezTo>
                <a:cubicBezTo>
                  <a:pt x="61718" y="31208"/>
                  <a:pt x="79534" y="19107"/>
                  <a:pt x="98941" y="11464"/>
                </a:cubicBezTo>
                <a:close/>
              </a:path>
            </a:pathLst>
          </a:custGeom>
          <a:solidFill>
            <a:srgbClr val="000000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33" name="Frame 5 {PHJU}">
            <a:extLst>
              <a:ext uri="{FF2B5EF4-FFF2-40B4-BE49-F238E27FC236}">
                <a16:creationId xmlns:a16="http://schemas.microsoft.com/office/drawing/2014/main" id="{F7D94FF2-1BE2-823E-7826-82DAB8188949}"/>
              </a:ext>
            </a:extLst>
          </p:cNvPr>
          <p:cNvSpPr>
            <a:spLocks noGrp="1" noSelect="1"/>
          </p:cNvSpPr>
          <p:nvPr>
            <p:ph type="body" sz="quarter" idx="41" hasCustomPrompt="1"/>
          </p:nvPr>
        </p:nvSpPr>
        <p:spPr>
          <a:xfrm>
            <a:off x="3455988" y="3332163"/>
            <a:ext cx="596900" cy="596900"/>
          </a:xfrm>
          <a:custGeom>
            <a:avLst/>
            <a:gdLst>
              <a:gd name="connsiteX0" fmla="*/ 74613 w 596900"/>
              <a:gd name="connsiteY0" fmla="*/ 5080 h 596900"/>
              <a:gd name="connsiteX1" fmla="*/ 5398 w 596900"/>
              <a:gd name="connsiteY1" fmla="*/ 74295 h 596900"/>
              <a:gd name="connsiteX2" fmla="*/ 5398 w 596900"/>
              <a:gd name="connsiteY2" fmla="*/ 522288 h 596900"/>
              <a:gd name="connsiteX3" fmla="*/ 74613 w 596900"/>
              <a:gd name="connsiteY3" fmla="*/ 591503 h 596900"/>
              <a:gd name="connsiteX4" fmla="*/ 522605 w 596900"/>
              <a:gd name="connsiteY4" fmla="*/ 591503 h 596900"/>
              <a:gd name="connsiteX5" fmla="*/ 591820 w 596900"/>
              <a:gd name="connsiteY5" fmla="*/ 522288 h 596900"/>
              <a:gd name="connsiteX6" fmla="*/ 591820 w 596900"/>
              <a:gd name="connsiteY6" fmla="*/ 74295 h 596900"/>
              <a:gd name="connsiteX7" fmla="*/ 522605 w 596900"/>
              <a:gd name="connsiteY7" fmla="*/ 5080 h 596900"/>
              <a:gd name="connsiteX8" fmla="*/ 74613 w 596900"/>
              <a:gd name="connsiteY8" fmla="*/ 0 h 596900"/>
              <a:gd name="connsiteX9" fmla="*/ 153471 w 596900"/>
              <a:gd name="connsiteY9" fmla="*/ 0 h 596900"/>
              <a:gd name="connsiteX10" fmla="*/ 222485 w 596900"/>
              <a:gd name="connsiteY10" fmla="*/ 0 h 596900"/>
              <a:gd name="connsiteX11" fmla="*/ 282312 w 596900"/>
              <a:gd name="connsiteY11" fmla="*/ 0 h 596900"/>
              <a:gd name="connsiteX12" fmla="*/ 333608 w 596900"/>
              <a:gd name="connsiteY12" fmla="*/ 0 h 596900"/>
              <a:gd name="connsiteX13" fmla="*/ 377029 w 596900"/>
              <a:gd name="connsiteY13" fmla="*/ 0 h 596900"/>
              <a:gd name="connsiteX14" fmla="*/ 413232 w 596900"/>
              <a:gd name="connsiteY14" fmla="*/ 0 h 596900"/>
              <a:gd name="connsiteX15" fmla="*/ 466606 w 596900"/>
              <a:gd name="connsiteY15" fmla="*/ 0 h 596900"/>
              <a:gd name="connsiteX16" fmla="*/ 498981 w 596900"/>
              <a:gd name="connsiteY16" fmla="*/ 0 h 596900"/>
              <a:gd name="connsiteX17" fmla="*/ 515605 w 596900"/>
              <a:gd name="connsiteY17" fmla="*/ 0 h 596900"/>
              <a:gd name="connsiteX18" fmla="*/ 521730 w 596900"/>
              <a:gd name="connsiteY18" fmla="*/ 0 h 596900"/>
              <a:gd name="connsiteX19" fmla="*/ 522605 w 596900"/>
              <a:gd name="connsiteY19" fmla="*/ 0 h 596900"/>
              <a:gd name="connsiteX20" fmla="*/ 596900 w 596900"/>
              <a:gd name="connsiteY20" fmla="*/ 74295 h 596900"/>
              <a:gd name="connsiteX21" fmla="*/ 596900 w 596900"/>
              <a:gd name="connsiteY21" fmla="*/ 153153 h 596900"/>
              <a:gd name="connsiteX22" fmla="*/ 596900 w 596900"/>
              <a:gd name="connsiteY22" fmla="*/ 222168 h 596900"/>
              <a:gd name="connsiteX23" fmla="*/ 596900 w 596900"/>
              <a:gd name="connsiteY23" fmla="*/ 281995 h 596900"/>
              <a:gd name="connsiteX24" fmla="*/ 596900 w 596900"/>
              <a:gd name="connsiteY24" fmla="*/ 333291 h 596900"/>
              <a:gd name="connsiteX25" fmla="*/ 596900 w 596900"/>
              <a:gd name="connsiteY25" fmla="*/ 376712 h 596900"/>
              <a:gd name="connsiteX26" fmla="*/ 596900 w 596900"/>
              <a:gd name="connsiteY26" fmla="*/ 412914 h 596900"/>
              <a:gd name="connsiteX27" fmla="*/ 596900 w 596900"/>
              <a:gd name="connsiteY27" fmla="*/ 466289 h 596900"/>
              <a:gd name="connsiteX28" fmla="*/ 596900 w 596900"/>
              <a:gd name="connsiteY28" fmla="*/ 498663 h 596900"/>
              <a:gd name="connsiteX29" fmla="*/ 596900 w 596900"/>
              <a:gd name="connsiteY29" fmla="*/ 515288 h 596900"/>
              <a:gd name="connsiteX30" fmla="*/ 596900 w 596900"/>
              <a:gd name="connsiteY30" fmla="*/ 521413 h 596900"/>
              <a:gd name="connsiteX31" fmla="*/ 596900 w 596900"/>
              <a:gd name="connsiteY31" fmla="*/ 522288 h 596900"/>
              <a:gd name="connsiteX32" fmla="*/ 522605 w 596900"/>
              <a:gd name="connsiteY32" fmla="*/ 596900 h 596900"/>
              <a:gd name="connsiteX33" fmla="*/ 443747 w 596900"/>
              <a:gd name="connsiteY33" fmla="*/ 596900 h 596900"/>
              <a:gd name="connsiteX34" fmla="*/ 374733 w 596900"/>
              <a:gd name="connsiteY34" fmla="*/ 596900 h 596900"/>
              <a:gd name="connsiteX35" fmla="*/ 314905 w 596900"/>
              <a:gd name="connsiteY35" fmla="*/ 596900 h 596900"/>
              <a:gd name="connsiteX36" fmla="*/ 263609 w 596900"/>
              <a:gd name="connsiteY36" fmla="*/ 596900 h 596900"/>
              <a:gd name="connsiteX37" fmla="*/ 220188 w 596900"/>
              <a:gd name="connsiteY37" fmla="*/ 596900 h 596900"/>
              <a:gd name="connsiteX38" fmla="*/ 183986 w 596900"/>
              <a:gd name="connsiteY38" fmla="*/ 596900 h 596900"/>
              <a:gd name="connsiteX39" fmla="*/ 130612 w 596900"/>
              <a:gd name="connsiteY39" fmla="*/ 596900 h 596900"/>
              <a:gd name="connsiteX40" fmla="*/ 98237 w 596900"/>
              <a:gd name="connsiteY40" fmla="*/ 596900 h 596900"/>
              <a:gd name="connsiteX41" fmla="*/ 81613 w 596900"/>
              <a:gd name="connsiteY41" fmla="*/ 596900 h 596900"/>
              <a:gd name="connsiteX42" fmla="*/ 75488 w 596900"/>
              <a:gd name="connsiteY42" fmla="*/ 596900 h 596900"/>
              <a:gd name="connsiteX43" fmla="*/ 74613 w 596900"/>
              <a:gd name="connsiteY43" fmla="*/ 596900 h 596900"/>
              <a:gd name="connsiteX44" fmla="*/ 0 w 596900"/>
              <a:gd name="connsiteY44" fmla="*/ 522288 h 596900"/>
              <a:gd name="connsiteX45" fmla="*/ 0 w 596900"/>
              <a:gd name="connsiteY45" fmla="*/ 443430 h 596900"/>
              <a:gd name="connsiteX46" fmla="*/ 0 w 596900"/>
              <a:gd name="connsiteY46" fmla="*/ 374415 h 596900"/>
              <a:gd name="connsiteX47" fmla="*/ 0 w 596900"/>
              <a:gd name="connsiteY47" fmla="*/ 314588 h 596900"/>
              <a:gd name="connsiteX48" fmla="*/ 0 w 596900"/>
              <a:gd name="connsiteY48" fmla="*/ 263292 h 596900"/>
              <a:gd name="connsiteX49" fmla="*/ 0 w 596900"/>
              <a:gd name="connsiteY49" fmla="*/ 219871 h 596900"/>
              <a:gd name="connsiteX50" fmla="*/ 0 w 596900"/>
              <a:gd name="connsiteY50" fmla="*/ 183668 h 596900"/>
              <a:gd name="connsiteX51" fmla="*/ 0 w 596900"/>
              <a:gd name="connsiteY51" fmla="*/ 130294 h 596900"/>
              <a:gd name="connsiteX52" fmla="*/ 0 w 596900"/>
              <a:gd name="connsiteY52" fmla="*/ 97920 h 596900"/>
              <a:gd name="connsiteX53" fmla="*/ 0 w 596900"/>
              <a:gd name="connsiteY53" fmla="*/ 81295 h 596900"/>
              <a:gd name="connsiteX54" fmla="*/ 0 w 596900"/>
              <a:gd name="connsiteY54" fmla="*/ 75170 h 596900"/>
              <a:gd name="connsiteX55" fmla="*/ 0 w 596900"/>
              <a:gd name="connsiteY55" fmla="*/ 74295 h 596900"/>
              <a:gd name="connsiteX56" fmla="*/ 74613 w 596900"/>
              <a:gd name="connsiteY56" fmla="*/ 0 h 5969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</a:cxnLst>
            <a:rect l="l" t="t" r="r" b="b"/>
            <a:pathLst>
              <a:path w="596900" h="596900">
                <a:moveTo>
                  <a:pt x="74613" y="5080"/>
                </a:moveTo>
                <a:cubicBezTo>
                  <a:pt x="36513" y="5080"/>
                  <a:pt x="5398" y="36195"/>
                  <a:pt x="5398" y="74295"/>
                </a:cubicBezTo>
                <a:cubicBezTo>
                  <a:pt x="5398" y="522288"/>
                  <a:pt x="5398" y="522288"/>
                  <a:pt x="5398" y="522288"/>
                </a:cubicBezTo>
                <a:cubicBezTo>
                  <a:pt x="5398" y="560388"/>
                  <a:pt x="36513" y="591503"/>
                  <a:pt x="74613" y="591503"/>
                </a:cubicBezTo>
                <a:cubicBezTo>
                  <a:pt x="522605" y="591503"/>
                  <a:pt x="522605" y="591503"/>
                  <a:pt x="522605" y="591503"/>
                </a:cubicBezTo>
                <a:cubicBezTo>
                  <a:pt x="560705" y="591503"/>
                  <a:pt x="591820" y="560388"/>
                  <a:pt x="591820" y="522288"/>
                </a:cubicBezTo>
                <a:cubicBezTo>
                  <a:pt x="591820" y="74295"/>
                  <a:pt x="591820" y="74295"/>
                  <a:pt x="591820" y="74295"/>
                </a:cubicBezTo>
                <a:cubicBezTo>
                  <a:pt x="591820" y="36195"/>
                  <a:pt x="560705" y="5080"/>
                  <a:pt x="522605" y="5080"/>
                </a:cubicBezTo>
                <a:close/>
                <a:moveTo>
                  <a:pt x="74613" y="0"/>
                </a:moveTo>
                <a:lnTo>
                  <a:pt x="153471" y="0"/>
                </a:lnTo>
                <a:lnTo>
                  <a:pt x="222485" y="0"/>
                </a:lnTo>
                <a:lnTo>
                  <a:pt x="282312" y="0"/>
                </a:lnTo>
                <a:lnTo>
                  <a:pt x="333608" y="0"/>
                </a:lnTo>
                <a:lnTo>
                  <a:pt x="377029" y="0"/>
                </a:lnTo>
                <a:lnTo>
                  <a:pt x="413232" y="0"/>
                </a:lnTo>
                <a:lnTo>
                  <a:pt x="466606" y="0"/>
                </a:lnTo>
                <a:lnTo>
                  <a:pt x="498981" y="0"/>
                </a:lnTo>
                <a:lnTo>
                  <a:pt x="515605" y="0"/>
                </a:lnTo>
                <a:lnTo>
                  <a:pt x="521730" y="0"/>
                </a:lnTo>
                <a:lnTo>
                  <a:pt x="522605" y="0"/>
                </a:lnTo>
                <a:cubicBezTo>
                  <a:pt x="563563" y="0"/>
                  <a:pt x="596900" y="33338"/>
                  <a:pt x="596900" y="74295"/>
                </a:cubicBezTo>
                <a:lnTo>
                  <a:pt x="596900" y="153153"/>
                </a:lnTo>
                <a:lnTo>
                  <a:pt x="596900" y="222168"/>
                </a:lnTo>
                <a:lnTo>
                  <a:pt x="596900" y="281995"/>
                </a:lnTo>
                <a:lnTo>
                  <a:pt x="596900" y="333291"/>
                </a:lnTo>
                <a:lnTo>
                  <a:pt x="596900" y="376712"/>
                </a:lnTo>
                <a:lnTo>
                  <a:pt x="596900" y="412914"/>
                </a:lnTo>
                <a:lnTo>
                  <a:pt x="596900" y="466289"/>
                </a:lnTo>
                <a:lnTo>
                  <a:pt x="596900" y="498663"/>
                </a:lnTo>
                <a:lnTo>
                  <a:pt x="596900" y="515288"/>
                </a:lnTo>
                <a:lnTo>
                  <a:pt x="596900" y="521413"/>
                </a:lnTo>
                <a:lnTo>
                  <a:pt x="596900" y="522288"/>
                </a:lnTo>
                <a:cubicBezTo>
                  <a:pt x="596900" y="563563"/>
                  <a:pt x="563563" y="596900"/>
                  <a:pt x="522605" y="596900"/>
                </a:cubicBezTo>
                <a:lnTo>
                  <a:pt x="443747" y="596900"/>
                </a:lnTo>
                <a:lnTo>
                  <a:pt x="374733" y="596900"/>
                </a:lnTo>
                <a:lnTo>
                  <a:pt x="314905" y="596900"/>
                </a:lnTo>
                <a:lnTo>
                  <a:pt x="263609" y="596900"/>
                </a:lnTo>
                <a:lnTo>
                  <a:pt x="220188" y="596900"/>
                </a:lnTo>
                <a:lnTo>
                  <a:pt x="183986" y="596900"/>
                </a:lnTo>
                <a:lnTo>
                  <a:pt x="130612" y="596900"/>
                </a:lnTo>
                <a:lnTo>
                  <a:pt x="98237" y="596900"/>
                </a:lnTo>
                <a:lnTo>
                  <a:pt x="81613" y="596900"/>
                </a:lnTo>
                <a:lnTo>
                  <a:pt x="75488" y="596900"/>
                </a:lnTo>
                <a:lnTo>
                  <a:pt x="74613" y="596900"/>
                </a:lnTo>
                <a:cubicBezTo>
                  <a:pt x="33655" y="596900"/>
                  <a:pt x="0" y="563563"/>
                  <a:pt x="0" y="522288"/>
                </a:cubicBezTo>
                <a:lnTo>
                  <a:pt x="0" y="443430"/>
                </a:lnTo>
                <a:lnTo>
                  <a:pt x="0" y="374415"/>
                </a:lnTo>
                <a:lnTo>
                  <a:pt x="0" y="314588"/>
                </a:lnTo>
                <a:lnTo>
                  <a:pt x="0" y="263292"/>
                </a:lnTo>
                <a:lnTo>
                  <a:pt x="0" y="219871"/>
                </a:lnTo>
                <a:lnTo>
                  <a:pt x="0" y="183668"/>
                </a:lnTo>
                <a:lnTo>
                  <a:pt x="0" y="130294"/>
                </a:lnTo>
                <a:lnTo>
                  <a:pt x="0" y="97920"/>
                </a:lnTo>
                <a:lnTo>
                  <a:pt x="0" y="81295"/>
                </a:lnTo>
                <a:lnTo>
                  <a:pt x="0" y="75170"/>
                </a:lnTo>
                <a:lnTo>
                  <a:pt x="0" y="74295"/>
                </a:lnTo>
                <a:cubicBezTo>
                  <a:pt x="0" y="33338"/>
                  <a:pt x="33655" y="0"/>
                  <a:pt x="74613" y="0"/>
                </a:cubicBezTo>
                <a:close/>
              </a:path>
            </a:pathLst>
          </a:custGeom>
          <a:solidFill>
            <a:srgbClr val="CCCCCC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35" name="Frame 6 {PHJU}">
            <a:extLst>
              <a:ext uri="{FF2B5EF4-FFF2-40B4-BE49-F238E27FC236}">
                <a16:creationId xmlns:a16="http://schemas.microsoft.com/office/drawing/2014/main" id="{5E545423-D084-B6E6-9C35-C43399B41C26}"/>
              </a:ext>
            </a:extLst>
          </p:cNvPr>
          <p:cNvSpPr>
            <a:spLocks noGrp="1" noSelect="1"/>
          </p:cNvSpPr>
          <p:nvPr>
            <p:ph type="body" sz="quarter" idx="42" hasCustomPrompt="1"/>
          </p:nvPr>
        </p:nvSpPr>
        <p:spPr>
          <a:xfrm>
            <a:off x="3597277" y="3473451"/>
            <a:ext cx="314026" cy="314324"/>
          </a:xfrm>
          <a:custGeom>
            <a:avLst/>
            <a:gdLst>
              <a:gd name="connsiteX0" fmla="*/ 229491 w 314026"/>
              <a:gd name="connsiteY0" fmla="*/ 115770 h 314324"/>
              <a:gd name="connsiteX1" fmla="*/ 236455 w 314026"/>
              <a:gd name="connsiteY1" fmla="*/ 118624 h 314324"/>
              <a:gd name="connsiteX2" fmla="*/ 237088 w 314026"/>
              <a:gd name="connsiteY2" fmla="*/ 132897 h 314324"/>
              <a:gd name="connsiteX3" fmla="*/ 155737 w 314026"/>
              <a:gd name="connsiteY3" fmla="*/ 221391 h 314324"/>
              <a:gd name="connsiteX4" fmla="*/ 148140 w 314026"/>
              <a:gd name="connsiteY4" fmla="*/ 224562 h 314324"/>
              <a:gd name="connsiteX5" fmla="*/ 140543 w 314026"/>
              <a:gd name="connsiteY5" fmla="*/ 221073 h 314324"/>
              <a:gd name="connsiteX6" fmla="*/ 88947 w 314026"/>
              <a:gd name="connsiteY6" fmla="*/ 162395 h 314324"/>
              <a:gd name="connsiteX7" fmla="*/ 89897 w 314026"/>
              <a:gd name="connsiteY7" fmla="*/ 147805 h 314324"/>
              <a:gd name="connsiteX8" fmla="*/ 96861 w 314026"/>
              <a:gd name="connsiteY8" fmla="*/ 145267 h 314324"/>
              <a:gd name="connsiteX9" fmla="*/ 104458 w 314026"/>
              <a:gd name="connsiteY9" fmla="*/ 148756 h 314324"/>
              <a:gd name="connsiteX10" fmla="*/ 148457 w 314026"/>
              <a:gd name="connsiteY10" fmla="*/ 199188 h 314324"/>
              <a:gd name="connsiteX11" fmla="*/ 221894 w 314026"/>
              <a:gd name="connsiteY11" fmla="*/ 118941 h 314324"/>
              <a:gd name="connsiteX12" fmla="*/ 229491 w 314026"/>
              <a:gd name="connsiteY12" fmla="*/ 115770 h 314324"/>
              <a:gd name="connsiteX13" fmla="*/ 156687 w 314026"/>
              <a:gd name="connsiteY13" fmla="*/ 20616 h 314324"/>
              <a:gd name="connsiteX14" fmla="*/ 105724 w 314026"/>
              <a:gd name="connsiteY14" fmla="*/ 30448 h 314324"/>
              <a:gd name="connsiteX15" fmla="*/ 60458 w 314026"/>
              <a:gd name="connsiteY15" fmla="*/ 60898 h 314324"/>
              <a:gd name="connsiteX16" fmla="*/ 30704 w 314026"/>
              <a:gd name="connsiteY16" fmla="*/ 105937 h 314324"/>
              <a:gd name="connsiteX17" fmla="*/ 20574 w 314026"/>
              <a:gd name="connsiteY17" fmla="*/ 157637 h 314324"/>
              <a:gd name="connsiteX18" fmla="*/ 30704 w 314026"/>
              <a:gd name="connsiteY18" fmla="*/ 209338 h 314324"/>
              <a:gd name="connsiteX19" fmla="*/ 60458 w 314026"/>
              <a:gd name="connsiteY19" fmla="*/ 254377 h 314324"/>
              <a:gd name="connsiteX20" fmla="*/ 105091 w 314026"/>
              <a:gd name="connsiteY20" fmla="*/ 284192 h 314324"/>
              <a:gd name="connsiteX21" fmla="*/ 153521 w 314026"/>
              <a:gd name="connsiteY21" fmla="*/ 294025 h 314324"/>
              <a:gd name="connsiteX22" fmla="*/ 156370 w 314026"/>
              <a:gd name="connsiteY22" fmla="*/ 294025 h 314324"/>
              <a:gd name="connsiteX23" fmla="*/ 207966 w 314026"/>
              <a:gd name="connsiteY23" fmla="*/ 283558 h 314324"/>
              <a:gd name="connsiteX24" fmla="*/ 252915 w 314026"/>
              <a:gd name="connsiteY24" fmla="*/ 253426 h 314324"/>
              <a:gd name="connsiteX25" fmla="*/ 283303 w 314026"/>
              <a:gd name="connsiteY25" fmla="*/ 208386 h 314324"/>
              <a:gd name="connsiteX26" fmla="*/ 293749 w 314026"/>
              <a:gd name="connsiteY26" fmla="*/ 157003 h 314324"/>
              <a:gd name="connsiteX27" fmla="*/ 283936 w 314026"/>
              <a:gd name="connsiteY27" fmla="*/ 106254 h 314324"/>
              <a:gd name="connsiteX28" fmla="*/ 254498 w 314026"/>
              <a:gd name="connsiteY28" fmla="*/ 61532 h 314324"/>
              <a:gd name="connsiteX29" fmla="*/ 208916 w 314026"/>
              <a:gd name="connsiteY29" fmla="*/ 30766 h 314324"/>
              <a:gd name="connsiteX30" fmla="*/ 157320 w 314026"/>
              <a:gd name="connsiteY30" fmla="*/ 20616 h 314324"/>
              <a:gd name="connsiteX31" fmla="*/ 156687 w 314026"/>
              <a:gd name="connsiteY31" fmla="*/ 20616 h 314324"/>
              <a:gd name="connsiteX32" fmla="*/ 154783 w 314026"/>
              <a:gd name="connsiteY32" fmla="*/ 0 h 314324"/>
              <a:gd name="connsiteX33" fmla="*/ 158274 w 314026"/>
              <a:gd name="connsiteY33" fmla="*/ 0 h 314324"/>
              <a:gd name="connsiteX34" fmla="*/ 216513 w 314026"/>
              <a:gd name="connsiteY34" fmla="*/ 12052 h 314324"/>
              <a:gd name="connsiteX35" fmla="*/ 269059 w 314026"/>
              <a:gd name="connsiteY35" fmla="*/ 46942 h 314324"/>
              <a:gd name="connsiteX36" fmla="*/ 302929 w 314026"/>
              <a:gd name="connsiteY36" fmla="*/ 98642 h 314324"/>
              <a:gd name="connsiteX37" fmla="*/ 314008 w 314026"/>
              <a:gd name="connsiteY37" fmla="*/ 157320 h 314324"/>
              <a:gd name="connsiteX38" fmla="*/ 302296 w 314026"/>
              <a:gd name="connsiteY38" fmla="*/ 215998 h 314324"/>
              <a:gd name="connsiteX39" fmla="*/ 267476 w 314026"/>
              <a:gd name="connsiteY39" fmla="*/ 268016 h 314324"/>
              <a:gd name="connsiteX40" fmla="*/ 215563 w 314026"/>
              <a:gd name="connsiteY40" fmla="*/ 302588 h 314324"/>
              <a:gd name="connsiteX41" fmla="*/ 156687 w 314026"/>
              <a:gd name="connsiteY41" fmla="*/ 314324 h 314324"/>
              <a:gd name="connsiteX42" fmla="*/ 155104 w 314026"/>
              <a:gd name="connsiteY42" fmla="*/ 314324 h 314324"/>
              <a:gd name="connsiteX43" fmla="*/ 97810 w 314026"/>
              <a:gd name="connsiteY43" fmla="*/ 303223 h 314324"/>
              <a:gd name="connsiteX44" fmla="*/ 45898 w 314026"/>
              <a:gd name="connsiteY44" fmla="*/ 268650 h 314324"/>
              <a:gd name="connsiteX45" fmla="*/ 11711 w 314026"/>
              <a:gd name="connsiteY45" fmla="*/ 216950 h 314324"/>
              <a:gd name="connsiteX46" fmla="*/ 0 w 314026"/>
              <a:gd name="connsiteY46" fmla="*/ 158911 h 314324"/>
              <a:gd name="connsiteX47" fmla="*/ 0 w 314026"/>
              <a:gd name="connsiteY47" fmla="*/ 156364 h 314324"/>
              <a:gd name="connsiteX48" fmla="*/ 11711 w 314026"/>
              <a:gd name="connsiteY48" fmla="*/ 98325 h 314324"/>
              <a:gd name="connsiteX49" fmla="*/ 45898 w 314026"/>
              <a:gd name="connsiteY49" fmla="*/ 46307 h 314324"/>
              <a:gd name="connsiteX50" fmla="*/ 98127 w 314026"/>
              <a:gd name="connsiteY50" fmla="*/ 11418 h 3143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</a:cxnLst>
            <a:rect l="l" t="t" r="r" b="b"/>
            <a:pathLst>
              <a:path w="314026" h="314324">
                <a:moveTo>
                  <a:pt x="229491" y="115770"/>
                </a:moveTo>
                <a:cubicBezTo>
                  <a:pt x="232024" y="115770"/>
                  <a:pt x="234556" y="116721"/>
                  <a:pt x="236455" y="118624"/>
                </a:cubicBezTo>
                <a:cubicBezTo>
                  <a:pt x="240570" y="122430"/>
                  <a:pt x="240887" y="128774"/>
                  <a:pt x="237088" y="132897"/>
                </a:cubicBezTo>
                <a:cubicBezTo>
                  <a:pt x="155737" y="221391"/>
                  <a:pt x="155737" y="221391"/>
                  <a:pt x="155737" y="221391"/>
                </a:cubicBezTo>
                <a:cubicBezTo>
                  <a:pt x="153838" y="223611"/>
                  <a:pt x="150989" y="224562"/>
                  <a:pt x="148140" y="224562"/>
                </a:cubicBezTo>
                <a:cubicBezTo>
                  <a:pt x="144975" y="224562"/>
                  <a:pt x="142442" y="223294"/>
                  <a:pt x="140543" y="221073"/>
                </a:cubicBezTo>
                <a:cubicBezTo>
                  <a:pt x="88947" y="162395"/>
                  <a:pt x="88947" y="162395"/>
                  <a:pt x="88947" y="162395"/>
                </a:cubicBezTo>
                <a:cubicBezTo>
                  <a:pt x="85465" y="157955"/>
                  <a:pt x="85782" y="151611"/>
                  <a:pt x="89897" y="147805"/>
                </a:cubicBezTo>
                <a:cubicBezTo>
                  <a:pt x="91796" y="146219"/>
                  <a:pt x="94328" y="145267"/>
                  <a:pt x="96861" y="145267"/>
                </a:cubicBezTo>
                <a:cubicBezTo>
                  <a:pt x="99709" y="145267"/>
                  <a:pt x="102558" y="146536"/>
                  <a:pt x="104458" y="148756"/>
                </a:cubicBezTo>
                <a:cubicBezTo>
                  <a:pt x="148457" y="199188"/>
                  <a:pt x="148457" y="199188"/>
                  <a:pt x="148457" y="199188"/>
                </a:cubicBezTo>
                <a:cubicBezTo>
                  <a:pt x="221894" y="118941"/>
                  <a:pt x="221894" y="118941"/>
                  <a:pt x="221894" y="118941"/>
                </a:cubicBezTo>
                <a:cubicBezTo>
                  <a:pt x="223793" y="117038"/>
                  <a:pt x="226642" y="115770"/>
                  <a:pt x="229491" y="115770"/>
                </a:cubicBezTo>
                <a:close/>
                <a:moveTo>
                  <a:pt x="156687" y="20616"/>
                </a:moveTo>
                <a:cubicBezTo>
                  <a:pt x="139277" y="20616"/>
                  <a:pt x="122184" y="23788"/>
                  <a:pt x="105724" y="30448"/>
                </a:cubicBezTo>
                <a:cubicBezTo>
                  <a:pt x="89264" y="37109"/>
                  <a:pt x="73753" y="47259"/>
                  <a:pt x="60458" y="60898"/>
                </a:cubicBezTo>
                <a:cubicBezTo>
                  <a:pt x="47164" y="74219"/>
                  <a:pt x="37351" y="89127"/>
                  <a:pt x="30704" y="105937"/>
                </a:cubicBezTo>
                <a:cubicBezTo>
                  <a:pt x="23740" y="122748"/>
                  <a:pt x="20574" y="140193"/>
                  <a:pt x="20574" y="157637"/>
                </a:cubicBezTo>
                <a:cubicBezTo>
                  <a:pt x="20574" y="175082"/>
                  <a:pt x="23740" y="192527"/>
                  <a:pt x="30704" y="209338"/>
                </a:cubicBezTo>
                <a:cubicBezTo>
                  <a:pt x="37351" y="226148"/>
                  <a:pt x="47164" y="241056"/>
                  <a:pt x="60458" y="254377"/>
                </a:cubicBezTo>
                <a:cubicBezTo>
                  <a:pt x="73437" y="267382"/>
                  <a:pt x="88631" y="277531"/>
                  <a:pt x="105091" y="284192"/>
                </a:cubicBezTo>
                <a:cubicBezTo>
                  <a:pt x="120918" y="290536"/>
                  <a:pt x="137378" y="294025"/>
                  <a:pt x="153521" y="294025"/>
                </a:cubicBezTo>
                <a:cubicBezTo>
                  <a:pt x="154471" y="294025"/>
                  <a:pt x="155421" y="294025"/>
                  <a:pt x="156370" y="294025"/>
                </a:cubicBezTo>
                <a:cubicBezTo>
                  <a:pt x="173780" y="293707"/>
                  <a:pt x="191190" y="290218"/>
                  <a:pt x="207966" y="283558"/>
                </a:cubicBezTo>
                <a:cubicBezTo>
                  <a:pt x="224427" y="276897"/>
                  <a:pt x="239621" y="266747"/>
                  <a:pt x="252915" y="253426"/>
                </a:cubicBezTo>
                <a:cubicBezTo>
                  <a:pt x="266526" y="240104"/>
                  <a:pt x="276656" y="224879"/>
                  <a:pt x="283303" y="208386"/>
                </a:cubicBezTo>
                <a:cubicBezTo>
                  <a:pt x="289951" y="191576"/>
                  <a:pt x="293432" y="174448"/>
                  <a:pt x="293749" y="157003"/>
                </a:cubicBezTo>
                <a:cubicBezTo>
                  <a:pt x="293749" y="139875"/>
                  <a:pt x="290584" y="122748"/>
                  <a:pt x="283936" y="106254"/>
                </a:cubicBezTo>
                <a:cubicBezTo>
                  <a:pt x="277605" y="89761"/>
                  <a:pt x="267793" y="74536"/>
                  <a:pt x="254498" y="61532"/>
                </a:cubicBezTo>
                <a:cubicBezTo>
                  <a:pt x="240887" y="47893"/>
                  <a:pt x="225693" y="37744"/>
                  <a:pt x="208916" y="30766"/>
                </a:cubicBezTo>
                <a:cubicBezTo>
                  <a:pt x="192139" y="24105"/>
                  <a:pt x="174730" y="20616"/>
                  <a:pt x="157320" y="20616"/>
                </a:cubicBezTo>
                <a:cubicBezTo>
                  <a:pt x="157320" y="20616"/>
                  <a:pt x="157320" y="20616"/>
                  <a:pt x="156687" y="20616"/>
                </a:cubicBezTo>
                <a:close/>
                <a:moveTo>
                  <a:pt x="154783" y="0"/>
                </a:moveTo>
                <a:lnTo>
                  <a:pt x="158274" y="0"/>
                </a:lnTo>
                <a:lnTo>
                  <a:pt x="216513" y="12052"/>
                </a:lnTo>
                <a:cubicBezTo>
                  <a:pt x="235822" y="19664"/>
                  <a:pt x="253548" y="31400"/>
                  <a:pt x="269059" y="46942"/>
                </a:cubicBezTo>
                <a:cubicBezTo>
                  <a:pt x="284253" y="62166"/>
                  <a:pt x="295648" y="79611"/>
                  <a:pt x="302929" y="98642"/>
                </a:cubicBezTo>
                <a:cubicBezTo>
                  <a:pt x="310526" y="117673"/>
                  <a:pt x="314324" y="137338"/>
                  <a:pt x="314008" y="157320"/>
                </a:cubicBezTo>
                <a:cubicBezTo>
                  <a:pt x="314008" y="176985"/>
                  <a:pt x="309893" y="196968"/>
                  <a:pt x="302296" y="215998"/>
                </a:cubicBezTo>
                <a:cubicBezTo>
                  <a:pt x="294382" y="235029"/>
                  <a:pt x="282670" y="252474"/>
                  <a:pt x="267476" y="268016"/>
                </a:cubicBezTo>
                <a:cubicBezTo>
                  <a:pt x="252282" y="283241"/>
                  <a:pt x="234556" y="294976"/>
                  <a:pt x="215563" y="302588"/>
                </a:cubicBezTo>
                <a:cubicBezTo>
                  <a:pt x="196254" y="310201"/>
                  <a:pt x="176629" y="314324"/>
                  <a:pt x="156687" y="314324"/>
                </a:cubicBezTo>
                <a:cubicBezTo>
                  <a:pt x="156687" y="314324"/>
                  <a:pt x="156687" y="314324"/>
                  <a:pt x="155104" y="314324"/>
                </a:cubicBezTo>
                <a:cubicBezTo>
                  <a:pt x="135479" y="314324"/>
                  <a:pt x="116486" y="310518"/>
                  <a:pt x="97810" y="303223"/>
                </a:cubicBezTo>
                <a:cubicBezTo>
                  <a:pt x="78501" y="295611"/>
                  <a:pt x="61091" y="283875"/>
                  <a:pt x="45898" y="268650"/>
                </a:cubicBezTo>
                <a:cubicBezTo>
                  <a:pt x="30704" y="253743"/>
                  <a:pt x="19308" y="236298"/>
                  <a:pt x="11711" y="216950"/>
                </a:cubicBezTo>
                <a:lnTo>
                  <a:pt x="0" y="158911"/>
                </a:lnTo>
                <a:lnTo>
                  <a:pt x="0" y="156364"/>
                </a:lnTo>
                <a:lnTo>
                  <a:pt x="11711" y="98325"/>
                </a:lnTo>
                <a:cubicBezTo>
                  <a:pt x="19308" y="78977"/>
                  <a:pt x="30704" y="61532"/>
                  <a:pt x="45898" y="46307"/>
                </a:cubicBezTo>
                <a:cubicBezTo>
                  <a:pt x="61408" y="30766"/>
                  <a:pt x="79134" y="19030"/>
                  <a:pt x="98127" y="11418"/>
                </a:cubicBezTo>
                <a:close/>
              </a:path>
            </a:pathLst>
          </a:custGeom>
          <a:solidFill>
            <a:srgbClr val="CCCCCC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46" name="Rectangle 7">
            <a:extLst>
              <a:ext uri="{FF2B5EF4-FFF2-40B4-BE49-F238E27FC236}">
                <a16:creationId xmlns:a16="http://schemas.microsoft.com/office/drawing/2014/main" id="{8B5CB99A-B4D6-0088-C49F-946FA9C98179}"/>
              </a:ext>
            </a:extLst>
          </p:cNvPr>
          <p:cNvSpPr>
            <a:spLocks noSelect="1" noChangeArrowheads="1"/>
          </p:cNvSpPr>
          <p:nvPr userDrawn="1"/>
        </p:nvSpPr>
        <p:spPr bwMode="auto">
          <a:xfrm>
            <a:off x="1495426" y="3073400"/>
            <a:ext cx="2778125" cy="7938"/>
          </a:xfrm>
          <a:prstGeom prst="rect">
            <a:avLst/>
          </a:prstGeom>
          <a:solidFill>
            <a:srgbClr val="CCCCCC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47" name="Rectangle 8">
            <a:extLst>
              <a:ext uri="{FF2B5EF4-FFF2-40B4-BE49-F238E27FC236}">
                <a16:creationId xmlns:a16="http://schemas.microsoft.com/office/drawing/2014/main" id="{9E36C61A-C2CB-70EF-C742-F37D9C6B67D1}"/>
              </a:ext>
            </a:extLst>
          </p:cNvPr>
          <p:cNvSpPr>
            <a:spLocks noSelect="1" noChangeArrowheads="1"/>
          </p:cNvSpPr>
          <p:nvPr userDrawn="1"/>
        </p:nvSpPr>
        <p:spPr bwMode="auto">
          <a:xfrm>
            <a:off x="4619626" y="3073400"/>
            <a:ext cx="2779713" cy="7938"/>
          </a:xfrm>
          <a:prstGeom prst="rect">
            <a:avLst/>
          </a:prstGeom>
          <a:solidFill>
            <a:srgbClr val="CCCCCC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48" name="Rectangle 9">
            <a:extLst>
              <a:ext uri="{FF2B5EF4-FFF2-40B4-BE49-F238E27FC236}">
                <a16:creationId xmlns:a16="http://schemas.microsoft.com/office/drawing/2014/main" id="{56E109BB-EB19-D420-A085-38F13587EDAE}"/>
              </a:ext>
            </a:extLst>
          </p:cNvPr>
          <p:cNvSpPr>
            <a:spLocks noSelect="1" noChangeArrowheads="1"/>
          </p:cNvSpPr>
          <p:nvPr userDrawn="1"/>
        </p:nvSpPr>
        <p:spPr bwMode="auto">
          <a:xfrm>
            <a:off x="7927976" y="3073400"/>
            <a:ext cx="2779713" cy="7938"/>
          </a:xfrm>
          <a:prstGeom prst="rect">
            <a:avLst/>
          </a:prstGeom>
          <a:solidFill>
            <a:srgbClr val="CCCCCC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37" name="Frame 10 {PHJU}">
            <a:extLst>
              <a:ext uri="{FF2B5EF4-FFF2-40B4-BE49-F238E27FC236}">
                <a16:creationId xmlns:a16="http://schemas.microsoft.com/office/drawing/2014/main" id="{D2453000-18A0-3FB7-9438-7E91B50842C7}"/>
              </a:ext>
            </a:extLst>
          </p:cNvPr>
          <p:cNvSpPr>
            <a:spLocks noGrp="1" noSelect="1"/>
          </p:cNvSpPr>
          <p:nvPr>
            <p:ph type="body" sz="quarter" idx="43" hasCustomPrompt="1"/>
          </p:nvPr>
        </p:nvSpPr>
        <p:spPr>
          <a:xfrm>
            <a:off x="2689227" y="3257551"/>
            <a:ext cx="747712" cy="747712"/>
          </a:xfrm>
          <a:custGeom>
            <a:avLst/>
            <a:gdLst>
              <a:gd name="connsiteX0" fmla="*/ 92827 w 747712"/>
              <a:gd name="connsiteY0" fmla="*/ 5404 h 747712"/>
              <a:gd name="connsiteX1" fmla="*/ 5086 w 747712"/>
              <a:gd name="connsiteY1" fmla="*/ 92827 h 747712"/>
              <a:gd name="connsiteX2" fmla="*/ 5086 w 747712"/>
              <a:gd name="connsiteY2" fmla="*/ 678727 h 747712"/>
              <a:gd name="connsiteX3" fmla="*/ 68985 w 747712"/>
              <a:gd name="connsiteY3" fmla="*/ 742626 h 747712"/>
              <a:gd name="connsiteX4" fmla="*/ 654884 w 747712"/>
              <a:gd name="connsiteY4" fmla="*/ 742626 h 747712"/>
              <a:gd name="connsiteX5" fmla="*/ 742308 w 747712"/>
              <a:gd name="connsiteY5" fmla="*/ 654884 h 747712"/>
              <a:gd name="connsiteX6" fmla="*/ 742308 w 747712"/>
              <a:gd name="connsiteY6" fmla="*/ 92827 h 747712"/>
              <a:gd name="connsiteX7" fmla="*/ 654884 w 747712"/>
              <a:gd name="connsiteY7" fmla="*/ 5404 h 747712"/>
              <a:gd name="connsiteX8" fmla="*/ 92822 w 747712"/>
              <a:gd name="connsiteY8" fmla="*/ 0 h 747712"/>
              <a:gd name="connsiteX9" fmla="*/ 654889 w 747712"/>
              <a:gd name="connsiteY9" fmla="*/ 0 h 747712"/>
              <a:gd name="connsiteX10" fmla="*/ 690981 w 747712"/>
              <a:gd name="connsiteY10" fmla="*/ 7306 h 747712"/>
              <a:gd name="connsiteX11" fmla="*/ 747712 w 747712"/>
              <a:gd name="connsiteY11" fmla="*/ 92827 h 747712"/>
              <a:gd name="connsiteX12" fmla="*/ 747712 w 747712"/>
              <a:gd name="connsiteY12" fmla="*/ 654884 h 747712"/>
              <a:gd name="connsiteX13" fmla="*/ 654884 w 747712"/>
              <a:gd name="connsiteY13" fmla="*/ 747712 h 747712"/>
              <a:gd name="connsiteX14" fmla="*/ 68985 w 747712"/>
              <a:gd name="connsiteY14" fmla="*/ 747712 h 747712"/>
              <a:gd name="connsiteX15" fmla="*/ 5413 w 747712"/>
              <a:gd name="connsiteY15" fmla="*/ 705600 h 747712"/>
              <a:gd name="connsiteX16" fmla="*/ 0 w 747712"/>
              <a:gd name="connsiteY16" fmla="*/ 678732 h 747712"/>
              <a:gd name="connsiteX17" fmla="*/ 0 w 747712"/>
              <a:gd name="connsiteY17" fmla="*/ 92822 h 747712"/>
              <a:gd name="connsiteX18" fmla="*/ 7306 w 747712"/>
              <a:gd name="connsiteY18" fmla="*/ 56730 h 747712"/>
              <a:gd name="connsiteX19" fmla="*/ 56730 w 747712"/>
              <a:gd name="connsiteY19" fmla="*/ 7306 h 74771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747712" h="747712">
                <a:moveTo>
                  <a:pt x="92827" y="5404"/>
                </a:moveTo>
                <a:cubicBezTo>
                  <a:pt x="44506" y="5404"/>
                  <a:pt x="5086" y="44506"/>
                  <a:pt x="5086" y="92827"/>
                </a:cubicBezTo>
                <a:cubicBezTo>
                  <a:pt x="5086" y="678727"/>
                  <a:pt x="5086" y="678727"/>
                  <a:pt x="5086" y="678727"/>
                </a:cubicBezTo>
                <a:cubicBezTo>
                  <a:pt x="5086" y="714014"/>
                  <a:pt x="33697" y="742626"/>
                  <a:pt x="68985" y="742626"/>
                </a:cubicBezTo>
                <a:cubicBezTo>
                  <a:pt x="654884" y="742626"/>
                  <a:pt x="654884" y="742626"/>
                  <a:pt x="654884" y="742626"/>
                </a:cubicBezTo>
                <a:cubicBezTo>
                  <a:pt x="703205" y="742626"/>
                  <a:pt x="742308" y="703205"/>
                  <a:pt x="742308" y="654884"/>
                </a:cubicBezTo>
                <a:cubicBezTo>
                  <a:pt x="742308" y="92827"/>
                  <a:pt x="742308" y="92827"/>
                  <a:pt x="742308" y="92827"/>
                </a:cubicBezTo>
                <a:cubicBezTo>
                  <a:pt x="742308" y="44506"/>
                  <a:pt x="703205" y="5404"/>
                  <a:pt x="654884" y="5404"/>
                </a:cubicBezTo>
                <a:close/>
                <a:moveTo>
                  <a:pt x="92822" y="0"/>
                </a:moveTo>
                <a:lnTo>
                  <a:pt x="654889" y="0"/>
                </a:lnTo>
                <a:lnTo>
                  <a:pt x="690981" y="7306"/>
                </a:lnTo>
                <a:cubicBezTo>
                  <a:pt x="724287" y="21418"/>
                  <a:pt x="747712" y="54440"/>
                  <a:pt x="747712" y="92827"/>
                </a:cubicBezTo>
                <a:cubicBezTo>
                  <a:pt x="747712" y="654884"/>
                  <a:pt x="747712" y="654884"/>
                  <a:pt x="747712" y="654884"/>
                </a:cubicBezTo>
                <a:cubicBezTo>
                  <a:pt x="747712" y="706067"/>
                  <a:pt x="706067" y="747712"/>
                  <a:pt x="654884" y="747712"/>
                </a:cubicBezTo>
                <a:cubicBezTo>
                  <a:pt x="68985" y="747712"/>
                  <a:pt x="68985" y="747712"/>
                  <a:pt x="68985" y="747712"/>
                </a:cubicBezTo>
                <a:cubicBezTo>
                  <a:pt x="40373" y="747712"/>
                  <a:pt x="15875" y="730366"/>
                  <a:pt x="5413" y="705600"/>
                </a:cubicBezTo>
                <a:lnTo>
                  <a:pt x="0" y="678732"/>
                </a:lnTo>
                <a:lnTo>
                  <a:pt x="0" y="92822"/>
                </a:lnTo>
                <a:lnTo>
                  <a:pt x="7306" y="56730"/>
                </a:lnTo>
                <a:cubicBezTo>
                  <a:pt x="16714" y="34527"/>
                  <a:pt x="34527" y="16714"/>
                  <a:pt x="56730" y="7306"/>
                </a:cubicBezTo>
                <a:close/>
              </a:path>
            </a:pathLst>
          </a:custGeom>
          <a:solidFill>
            <a:srgbClr val="CCCCCC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68" name="Frame 11 {PHJU}">
            <a:extLst>
              <a:ext uri="{FF2B5EF4-FFF2-40B4-BE49-F238E27FC236}">
                <a16:creationId xmlns:a16="http://schemas.microsoft.com/office/drawing/2014/main" id="{6004B9EC-34C1-6307-EE0B-905AF2BA9AF1}"/>
              </a:ext>
            </a:extLst>
          </p:cNvPr>
          <p:cNvSpPr>
            <a:spLocks noGrp="1" noSelect="1"/>
          </p:cNvSpPr>
          <p:nvPr>
            <p:ph type="body" sz="quarter" idx="44" hasCustomPrompt="1"/>
          </p:nvPr>
        </p:nvSpPr>
        <p:spPr>
          <a:xfrm>
            <a:off x="2830514" y="3398838"/>
            <a:ext cx="464833" cy="465138"/>
          </a:xfrm>
          <a:custGeom>
            <a:avLst/>
            <a:gdLst>
              <a:gd name="connsiteX0" fmla="*/ 232569 w 464833"/>
              <a:gd name="connsiteY0" fmla="*/ 135440 h 465138"/>
              <a:gd name="connsiteX1" fmla="*/ 275402 w 464833"/>
              <a:gd name="connsiteY1" fmla="*/ 177725 h 465138"/>
              <a:gd name="connsiteX2" fmla="*/ 275402 w 464833"/>
              <a:gd name="connsiteY2" fmla="*/ 178997 h 465138"/>
              <a:gd name="connsiteX3" fmla="*/ 249385 w 464833"/>
              <a:gd name="connsiteY3" fmla="*/ 217785 h 465138"/>
              <a:gd name="connsiteX4" fmla="*/ 258904 w 464833"/>
              <a:gd name="connsiteY4" fmla="*/ 308714 h 465138"/>
              <a:gd name="connsiteX5" fmla="*/ 233204 w 464833"/>
              <a:gd name="connsiteY5" fmla="*/ 329698 h 465138"/>
              <a:gd name="connsiteX6" fmla="*/ 231935 w 464833"/>
              <a:gd name="connsiteY6" fmla="*/ 329698 h 465138"/>
              <a:gd name="connsiteX7" fmla="*/ 206235 w 464833"/>
              <a:gd name="connsiteY7" fmla="*/ 308714 h 465138"/>
              <a:gd name="connsiteX8" fmla="*/ 215753 w 464833"/>
              <a:gd name="connsiteY8" fmla="*/ 217785 h 465138"/>
              <a:gd name="connsiteX9" fmla="*/ 189736 w 464833"/>
              <a:gd name="connsiteY9" fmla="*/ 178361 h 465138"/>
              <a:gd name="connsiteX10" fmla="*/ 232569 w 464833"/>
              <a:gd name="connsiteY10" fmla="*/ 135440 h 465138"/>
              <a:gd name="connsiteX11" fmla="*/ 231617 w 464833"/>
              <a:gd name="connsiteY11" fmla="*/ 23209 h 465138"/>
              <a:gd name="connsiteX12" fmla="*/ 154200 w 464833"/>
              <a:gd name="connsiteY12" fmla="*/ 38470 h 465138"/>
              <a:gd name="connsiteX13" fmla="*/ 84398 w 464833"/>
              <a:gd name="connsiteY13" fmla="*/ 85207 h 465138"/>
              <a:gd name="connsiteX14" fmla="*/ 38709 w 464833"/>
              <a:gd name="connsiteY14" fmla="*/ 153880 h 465138"/>
              <a:gd name="connsiteX15" fmla="*/ 23479 w 464833"/>
              <a:gd name="connsiteY15" fmla="*/ 233046 h 465138"/>
              <a:gd name="connsiteX16" fmla="*/ 38709 w 464833"/>
              <a:gd name="connsiteY16" fmla="*/ 312212 h 465138"/>
              <a:gd name="connsiteX17" fmla="*/ 84398 w 464833"/>
              <a:gd name="connsiteY17" fmla="*/ 381203 h 465138"/>
              <a:gd name="connsiteX18" fmla="*/ 153248 w 464833"/>
              <a:gd name="connsiteY18" fmla="*/ 426668 h 465138"/>
              <a:gd name="connsiteX19" fmla="*/ 231617 w 464833"/>
              <a:gd name="connsiteY19" fmla="*/ 441611 h 465138"/>
              <a:gd name="connsiteX20" fmla="*/ 310304 w 464833"/>
              <a:gd name="connsiteY20" fmla="*/ 426032 h 465138"/>
              <a:gd name="connsiteX21" fmla="*/ 379472 w 464833"/>
              <a:gd name="connsiteY21" fmla="*/ 379614 h 465138"/>
              <a:gd name="connsiteX22" fmla="*/ 425795 w 464833"/>
              <a:gd name="connsiteY22" fmla="*/ 310622 h 465138"/>
              <a:gd name="connsiteX23" fmla="*/ 441659 w 464833"/>
              <a:gd name="connsiteY23" fmla="*/ 232410 h 465138"/>
              <a:gd name="connsiteX24" fmla="*/ 426747 w 464833"/>
              <a:gd name="connsiteY24" fmla="*/ 154198 h 465138"/>
              <a:gd name="connsiteX25" fmla="*/ 381693 w 464833"/>
              <a:gd name="connsiteY25" fmla="*/ 85842 h 465138"/>
              <a:gd name="connsiteX26" fmla="*/ 311890 w 464833"/>
              <a:gd name="connsiteY26" fmla="*/ 39106 h 465138"/>
              <a:gd name="connsiteX27" fmla="*/ 232886 w 464833"/>
              <a:gd name="connsiteY27" fmla="*/ 23209 h 465138"/>
              <a:gd name="connsiteX28" fmla="*/ 231617 w 464833"/>
              <a:gd name="connsiteY28" fmla="*/ 23209 h 465138"/>
              <a:gd name="connsiteX29" fmla="*/ 232886 w 464833"/>
              <a:gd name="connsiteY29" fmla="*/ 0 h 465138"/>
              <a:gd name="connsiteX30" fmla="*/ 320457 w 464833"/>
              <a:gd name="connsiteY30" fmla="*/ 17487 h 465138"/>
              <a:gd name="connsiteX31" fmla="*/ 398191 w 464833"/>
              <a:gd name="connsiteY31" fmla="*/ 69310 h 465138"/>
              <a:gd name="connsiteX32" fmla="*/ 448639 w 464833"/>
              <a:gd name="connsiteY32" fmla="*/ 145614 h 465138"/>
              <a:gd name="connsiteX33" fmla="*/ 464821 w 464833"/>
              <a:gd name="connsiteY33" fmla="*/ 232410 h 465138"/>
              <a:gd name="connsiteX34" fmla="*/ 447370 w 464833"/>
              <a:gd name="connsiteY34" fmla="*/ 319524 h 465138"/>
              <a:gd name="connsiteX35" fmla="*/ 395970 w 464833"/>
              <a:gd name="connsiteY35" fmla="*/ 396146 h 465138"/>
              <a:gd name="connsiteX36" fmla="*/ 318870 w 464833"/>
              <a:gd name="connsiteY36" fmla="*/ 447652 h 465138"/>
              <a:gd name="connsiteX37" fmla="*/ 231935 w 464833"/>
              <a:gd name="connsiteY37" fmla="*/ 465138 h 465138"/>
              <a:gd name="connsiteX38" fmla="*/ 229714 w 464833"/>
              <a:gd name="connsiteY38" fmla="*/ 465138 h 465138"/>
              <a:gd name="connsiteX39" fmla="*/ 144682 w 464833"/>
              <a:gd name="connsiteY39" fmla="*/ 448606 h 465138"/>
              <a:gd name="connsiteX40" fmla="*/ 67899 w 464833"/>
              <a:gd name="connsiteY40" fmla="*/ 397736 h 465138"/>
              <a:gd name="connsiteX41" fmla="*/ 17133 w 464833"/>
              <a:gd name="connsiteY41" fmla="*/ 320796 h 465138"/>
              <a:gd name="connsiteX42" fmla="*/ 0 w 464833"/>
              <a:gd name="connsiteY42" fmla="*/ 233046 h 465138"/>
              <a:gd name="connsiteX43" fmla="*/ 17133 w 464833"/>
              <a:gd name="connsiteY43" fmla="*/ 145296 h 465138"/>
              <a:gd name="connsiteX44" fmla="*/ 67899 w 464833"/>
              <a:gd name="connsiteY44" fmla="*/ 68356 h 465138"/>
              <a:gd name="connsiteX45" fmla="*/ 145316 w 464833"/>
              <a:gd name="connsiteY45" fmla="*/ 16851 h 465138"/>
              <a:gd name="connsiteX46" fmla="*/ 232886 w 464833"/>
              <a:gd name="connsiteY46" fmla="*/ 0 h 46513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</a:cxnLst>
            <a:rect l="l" t="t" r="r" b="b"/>
            <a:pathLst>
              <a:path w="464833" h="465138">
                <a:moveTo>
                  <a:pt x="232569" y="135440"/>
                </a:moveTo>
                <a:cubicBezTo>
                  <a:pt x="256048" y="135440"/>
                  <a:pt x="274768" y="154198"/>
                  <a:pt x="275402" y="177725"/>
                </a:cubicBezTo>
                <a:cubicBezTo>
                  <a:pt x="275402" y="178997"/>
                  <a:pt x="275402" y="178997"/>
                  <a:pt x="275402" y="178997"/>
                </a:cubicBezTo>
                <a:cubicBezTo>
                  <a:pt x="275085" y="196484"/>
                  <a:pt x="264298" y="211426"/>
                  <a:pt x="249385" y="217785"/>
                </a:cubicBezTo>
                <a:cubicBezTo>
                  <a:pt x="258904" y="308714"/>
                  <a:pt x="258904" y="308714"/>
                  <a:pt x="258904" y="308714"/>
                </a:cubicBezTo>
                <a:cubicBezTo>
                  <a:pt x="258904" y="316981"/>
                  <a:pt x="258269" y="329380"/>
                  <a:pt x="233204" y="329698"/>
                </a:cubicBezTo>
                <a:cubicBezTo>
                  <a:pt x="231935" y="329698"/>
                  <a:pt x="231935" y="329698"/>
                  <a:pt x="231935" y="329698"/>
                </a:cubicBezTo>
                <a:cubicBezTo>
                  <a:pt x="206235" y="329380"/>
                  <a:pt x="206235" y="316981"/>
                  <a:pt x="206235" y="308714"/>
                </a:cubicBezTo>
                <a:cubicBezTo>
                  <a:pt x="215753" y="217785"/>
                  <a:pt x="215753" y="217785"/>
                  <a:pt x="215753" y="217785"/>
                </a:cubicBezTo>
                <a:cubicBezTo>
                  <a:pt x="200206" y="211109"/>
                  <a:pt x="189736" y="196166"/>
                  <a:pt x="189736" y="178361"/>
                </a:cubicBezTo>
                <a:cubicBezTo>
                  <a:pt x="189736" y="154516"/>
                  <a:pt x="208773" y="135440"/>
                  <a:pt x="232569" y="135440"/>
                </a:cubicBezTo>
                <a:close/>
                <a:moveTo>
                  <a:pt x="231617" y="23209"/>
                </a:moveTo>
                <a:cubicBezTo>
                  <a:pt x="205283" y="23209"/>
                  <a:pt x="179265" y="28296"/>
                  <a:pt x="154200" y="38470"/>
                </a:cubicBezTo>
                <a:cubicBezTo>
                  <a:pt x="128500" y="48644"/>
                  <a:pt x="105021" y="64223"/>
                  <a:pt x="84398" y="85207"/>
                </a:cubicBezTo>
                <a:cubicBezTo>
                  <a:pt x="64409" y="105236"/>
                  <a:pt x="49179" y="128446"/>
                  <a:pt x="38709" y="153880"/>
                </a:cubicBezTo>
                <a:cubicBezTo>
                  <a:pt x="28556" y="179633"/>
                  <a:pt x="23479" y="206340"/>
                  <a:pt x="23479" y="233046"/>
                </a:cubicBezTo>
                <a:cubicBezTo>
                  <a:pt x="23479" y="260070"/>
                  <a:pt x="28556" y="286459"/>
                  <a:pt x="38709" y="312212"/>
                </a:cubicBezTo>
                <a:cubicBezTo>
                  <a:pt x="48862" y="337646"/>
                  <a:pt x="64409" y="360856"/>
                  <a:pt x="84398" y="381203"/>
                </a:cubicBezTo>
                <a:cubicBezTo>
                  <a:pt x="104386" y="401233"/>
                  <a:pt x="127548" y="416494"/>
                  <a:pt x="153248" y="426668"/>
                </a:cubicBezTo>
                <a:cubicBezTo>
                  <a:pt x="178631" y="436842"/>
                  <a:pt x="205283" y="441929"/>
                  <a:pt x="231617" y="441611"/>
                </a:cubicBezTo>
                <a:cubicBezTo>
                  <a:pt x="258269" y="441611"/>
                  <a:pt x="284604" y="436206"/>
                  <a:pt x="310304" y="426032"/>
                </a:cubicBezTo>
                <a:cubicBezTo>
                  <a:pt x="335686" y="415858"/>
                  <a:pt x="359165" y="400280"/>
                  <a:pt x="379472" y="379614"/>
                </a:cubicBezTo>
                <a:cubicBezTo>
                  <a:pt x="399778" y="359266"/>
                  <a:pt x="415325" y="336057"/>
                  <a:pt x="425795" y="310622"/>
                </a:cubicBezTo>
                <a:cubicBezTo>
                  <a:pt x="435948" y="285187"/>
                  <a:pt x="441342" y="258799"/>
                  <a:pt x="441659" y="232410"/>
                </a:cubicBezTo>
                <a:cubicBezTo>
                  <a:pt x="441659" y="206022"/>
                  <a:pt x="436583" y="179633"/>
                  <a:pt x="426747" y="154198"/>
                </a:cubicBezTo>
                <a:cubicBezTo>
                  <a:pt x="416911" y="129081"/>
                  <a:pt x="401681" y="106190"/>
                  <a:pt x="381693" y="85842"/>
                </a:cubicBezTo>
                <a:cubicBezTo>
                  <a:pt x="361069" y="65177"/>
                  <a:pt x="337273" y="49598"/>
                  <a:pt x="311890" y="39106"/>
                </a:cubicBezTo>
                <a:cubicBezTo>
                  <a:pt x="286190" y="28614"/>
                  <a:pt x="259538" y="23527"/>
                  <a:pt x="232886" y="23209"/>
                </a:cubicBezTo>
                <a:cubicBezTo>
                  <a:pt x="232252" y="23209"/>
                  <a:pt x="231935" y="23209"/>
                  <a:pt x="231617" y="23209"/>
                </a:cubicBezTo>
                <a:close/>
                <a:moveTo>
                  <a:pt x="232886" y="0"/>
                </a:moveTo>
                <a:cubicBezTo>
                  <a:pt x="262394" y="0"/>
                  <a:pt x="291901" y="6041"/>
                  <a:pt x="320457" y="17487"/>
                </a:cubicBezTo>
                <a:cubicBezTo>
                  <a:pt x="349012" y="28932"/>
                  <a:pt x="375347" y="46419"/>
                  <a:pt x="398191" y="69310"/>
                </a:cubicBezTo>
                <a:cubicBezTo>
                  <a:pt x="420401" y="91883"/>
                  <a:pt x="437534" y="117636"/>
                  <a:pt x="448639" y="145614"/>
                </a:cubicBezTo>
                <a:cubicBezTo>
                  <a:pt x="459427" y="173910"/>
                  <a:pt x="465138" y="203160"/>
                  <a:pt x="464821" y="232410"/>
                </a:cubicBezTo>
                <a:cubicBezTo>
                  <a:pt x="464821" y="261978"/>
                  <a:pt x="458792" y="291228"/>
                  <a:pt x="447370" y="319524"/>
                </a:cubicBezTo>
                <a:cubicBezTo>
                  <a:pt x="435948" y="347820"/>
                  <a:pt x="418497" y="373573"/>
                  <a:pt x="395970" y="396146"/>
                </a:cubicBezTo>
                <a:cubicBezTo>
                  <a:pt x="373126" y="419038"/>
                  <a:pt x="347426" y="436206"/>
                  <a:pt x="318870" y="447652"/>
                </a:cubicBezTo>
                <a:cubicBezTo>
                  <a:pt x="290632" y="459097"/>
                  <a:pt x="261125" y="464820"/>
                  <a:pt x="231935" y="465138"/>
                </a:cubicBezTo>
                <a:lnTo>
                  <a:pt x="229714" y="465138"/>
                </a:lnTo>
                <a:cubicBezTo>
                  <a:pt x="200841" y="465138"/>
                  <a:pt x="172285" y="459415"/>
                  <a:pt x="144682" y="448606"/>
                </a:cubicBezTo>
                <a:cubicBezTo>
                  <a:pt x="116126" y="437160"/>
                  <a:pt x="90426" y="419991"/>
                  <a:pt x="67899" y="397736"/>
                </a:cubicBezTo>
                <a:cubicBezTo>
                  <a:pt x="45689" y="375163"/>
                  <a:pt x="28556" y="349410"/>
                  <a:pt x="17133" y="320796"/>
                </a:cubicBezTo>
                <a:cubicBezTo>
                  <a:pt x="5711" y="292500"/>
                  <a:pt x="0" y="262932"/>
                  <a:pt x="0" y="233046"/>
                </a:cubicBezTo>
                <a:cubicBezTo>
                  <a:pt x="0" y="203160"/>
                  <a:pt x="5711" y="173592"/>
                  <a:pt x="17133" y="145296"/>
                </a:cubicBezTo>
                <a:cubicBezTo>
                  <a:pt x="28556" y="116682"/>
                  <a:pt x="45689" y="90929"/>
                  <a:pt x="67899" y="68356"/>
                </a:cubicBezTo>
                <a:cubicBezTo>
                  <a:pt x="90743" y="45465"/>
                  <a:pt x="116761" y="27978"/>
                  <a:pt x="145316" y="16851"/>
                </a:cubicBezTo>
                <a:cubicBezTo>
                  <a:pt x="173872" y="5405"/>
                  <a:pt x="203379" y="0"/>
                  <a:pt x="232886" y="0"/>
                </a:cubicBezTo>
                <a:close/>
              </a:path>
            </a:pathLst>
          </a:custGeom>
          <a:solidFill>
            <a:srgbClr val="CCCCCC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70" name="Frame 12 {PHJU}">
            <a:extLst>
              <a:ext uri="{FF2B5EF4-FFF2-40B4-BE49-F238E27FC236}">
                <a16:creationId xmlns:a16="http://schemas.microsoft.com/office/drawing/2014/main" id="{52B9F0F0-148A-FC37-6304-57B91BBAA28C}"/>
              </a:ext>
            </a:extLst>
          </p:cNvPr>
          <p:cNvSpPr>
            <a:spLocks noGrp="1" noSelect="1"/>
          </p:cNvSpPr>
          <p:nvPr>
            <p:ph type="body" sz="quarter" idx="45" hasCustomPrompt="1"/>
          </p:nvPr>
        </p:nvSpPr>
        <p:spPr>
          <a:xfrm>
            <a:off x="1819277" y="3260726"/>
            <a:ext cx="741362" cy="741362"/>
          </a:xfrm>
          <a:custGeom>
            <a:avLst/>
            <a:gdLst>
              <a:gd name="connsiteX0" fmla="*/ 70797 w 741362"/>
              <a:gd name="connsiteY0" fmla="*/ 0 h 741362"/>
              <a:gd name="connsiteX1" fmla="*/ 670565 w 741362"/>
              <a:gd name="connsiteY1" fmla="*/ 0 h 741362"/>
              <a:gd name="connsiteX2" fmla="*/ 698098 w 741362"/>
              <a:gd name="connsiteY2" fmla="*/ 5570 h 741362"/>
              <a:gd name="connsiteX3" fmla="*/ 741362 w 741362"/>
              <a:gd name="connsiteY3" fmla="*/ 70802 h 741362"/>
              <a:gd name="connsiteX4" fmla="*/ 741362 w 741362"/>
              <a:gd name="connsiteY4" fmla="*/ 670242 h 741362"/>
              <a:gd name="connsiteX5" fmla="*/ 670560 w 741362"/>
              <a:gd name="connsiteY5" fmla="*/ 741362 h 741362"/>
              <a:gd name="connsiteX6" fmla="*/ 70802 w 741362"/>
              <a:gd name="connsiteY6" fmla="*/ 741362 h 741362"/>
              <a:gd name="connsiteX7" fmla="*/ 5570 w 741362"/>
              <a:gd name="connsiteY7" fmla="*/ 697964 h 741362"/>
              <a:gd name="connsiteX8" fmla="*/ 0 w 741362"/>
              <a:gd name="connsiteY8" fmla="*/ 670247 h 741362"/>
              <a:gd name="connsiteX9" fmla="*/ 0 w 741362"/>
              <a:gd name="connsiteY9" fmla="*/ 70797 h 741362"/>
              <a:gd name="connsiteX10" fmla="*/ 5570 w 741362"/>
              <a:gd name="connsiteY10" fmla="*/ 43263 h 741362"/>
              <a:gd name="connsiteX11" fmla="*/ 43263 w 741362"/>
              <a:gd name="connsiteY11" fmla="*/ 5570 h 7413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741362" h="741362">
                <a:moveTo>
                  <a:pt x="70797" y="0"/>
                </a:moveTo>
                <a:lnTo>
                  <a:pt x="670565" y="0"/>
                </a:lnTo>
                <a:lnTo>
                  <a:pt x="698098" y="5570"/>
                </a:lnTo>
                <a:cubicBezTo>
                  <a:pt x="723503" y="16331"/>
                  <a:pt x="741362" y="41512"/>
                  <a:pt x="741362" y="70802"/>
                </a:cubicBezTo>
                <a:cubicBezTo>
                  <a:pt x="741362" y="670242"/>
                  <a:pt x="741362" y="670242"/>
                  <a:pt x="741362" y="670242"/>
                </a:cubicBezTo>
                <a:cubicBezTo>
                  <a:pt x="741362" y="709612"/>
                  <a:pt x="709612" y="741362"/>
                  <a:pt x="670560" y="741362"/>
                </a:cubicBezTo>
                <a:cubicBezTo>
                  <a:pt x="70802" y="741362"/>
                  <a:pt x="70802" y="741362"/>
                  <a:pt x="70802" y="741362"/>
                </a:cubicBezTo>
                <a:cubicBezTo>
                  <a:pt x="41512" y="741362"/>
                  <a:pt x="16330" y="723503"/>
                  <a:pt x="5570" y="697964"/>
                </a:cubicBezTo>
                <a:lnTo>
                  <a:pt x="0" y="670247"/>
                </a:lnTo>
                <a:lnTo>
                  <a:pt x="0" y="70797"/>
                </a:lnTo>
                <a:lnTo>
                  <a:pt x="5570" y="43263"/>
                </a:lnTo>
                <a:cubicBezTo>
                  <a:pt x="12744" y="26327"/>
                  <a:pt x="26327" y="12744"/>
                  <a:pt x="43263" y="5570"/>
                </a:cubicBezTo>
                <a:close/>
              </a:path>
            </a:pathLst>
          </a:custGeom>
          <a:solidFill>
            <a:srgbClr val="6BC9CC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72" name="Frame 13 {PHJU}">
            <a:extLst>
              <a:ext uri="{FF2B5EF4-FFF2-40B4-BE49-F238E27FC236}">
                <a16:creationId xmlns:a16="http://schemas.microsoft.com/office/drawing/2014/main" id="{6729ECF3-8363-E088-6232-069C9FC6C1CC}"/>
              </a:ext>
            </a:extLst>
          </p:cNvPr>
          <p:cNvSpPr>
            <a:spLocks noGrp="1" noSelect="1"/>
          </p:cNvSpPr>
          <p:nvPr>
            <p:ph type="body" sz="quarter" idx="46" hasCustomPrompt="1"/>
          </p:nvPr>
        </p:nvSpPr>
        <p:spPr>
          <a:xfrm>
            <a:off x="6561138" y="3321050"/>
            <a:ext cx="596900" cy="596900"/>
          </a:xfrm>
          <a:custGeom>
            <a:avLst/>
            <a:gdLst>
              <a:gd name="connsiteX0" fmla="*/ 74295 w 596900"/>
              <a:gd name="connsiteY0" fmla="*/ 5398 h 596900"/>
              <a:gd name="connsiteX1" fmla="*/ 5080 w 596900"/>
              <a:gd name="connsiteY1" fmla="*/ 74613 h 596900"/>
              <a:gd name="connsiteX2" fmla="*/ 5080 w 596900"/>
              <a:gd name="connsiteY2" fmla="*/ 522605 h 596900"/>
              <a:gd name="connsiteX3" fmla="*/ 74295 w 596900"/>
              <a:gd name="connsiteY3" fmla="*/ 591820 h 596900"/>
              <a:gd name="connsiteX4" fmla="*/ 522288 w 596900"/>
              <a:gd name="connsiteY4" fmla="*/ 591820 h 596900"/>
              <a:gd name="connsiteX5" fmla="*/ 591503 w 596900"/>
              <a:gd name="connsiteY5" fmla="*/ 522605 h 596900"/>
              <a:gd name="connsiteX6" fmla="*/ 591503 w 596900"/>
              <a:gd name="connsiteY6" fmla="*/ 74613 h 596900"/>
              <a:gd name="connsiteX7" fmla="*/ 522288 w 596900"/>
              <a:gd name="connsiteY7" fmla="*/ 5398 h 596900"/>
              <a:gd name="connsiteX8" fmla="*/ 74295 w 596900"/>
              <a:gd name="connsiteY8" fmla="*/ 5398 h 596900"/>
              <a:gd name="connsiteX9" fmla="*/ 74295 w 596900"/>
              <a:gd name="connsiteY9" fmla="*/ 0 h 596900"/>
              <a:gd name="connsiteX10" fmla="*/ 153153 w 596900"/>
              <a:gd name="connsiteY10" fmla="*/ 0 h 596900"/>
              <a:gd name="connsiteX11" fmla="*/ 222168 w 596900"/>
              <a:gd name="connsiteY11" fmla="*/ 0 h 596900"/>
              <a:gd name="connsiteX12" fmla="*/ 281995 w 596900"/>
              <a:gd name="connsiteY12" fmla="*/ 0 h 596900"/>
              <a:gd name="connsiteX13" fmla="*/ 333291 w 596900"/>
              <a:gd name="connsiteY13" fmla="*/ 0 h 596900"/>
              <a:gd name="connsiteX14" fmla="*/ 376712 w 596900"/>
              <a:gd name="connsiteY14" fmla="*/ 0 h 596900"/>
              <a:gd name="connsiteX15" fmla="*/ 412915 w 596900"/>
              <a:gd name="connsiteY15" fmla="*/ 0 h 596900"/>
              <a:gd name="connsiteX16" fmla="*/ 466289 w 596900"/>
              <a:gd name="connsiteY16" fmla="*/ 0 h 596900"/>
              <a:gd name="connsiteX17" fmla="*/ 498663 w 596900"/>
              <a:gd name="connsiteY17" fmla="*/ 0 h 596900"/>
              <a:gd name="connsiteX18" fmla="*/ 515288 w 596900"/>
              <a:gd name="connsiteY18" fmla="*/ 0 h 596900"/>
              <a:gd name="connsiteX19" fmla="*/ 521413 w 596900"/>
              <a:gd name="connsiteY19" fmla="*/ 0 h 596900"/>
              <a:gd name="connsiteX20" fmla="*/ 522288 w 596900"/>
              <a:gd name="connsiteY20" fmla="*/ 0 h 596900"/>
              <a:gd name="connsiteX21" fmla="*/ 596900 w 596900"/>
              <a:gd name="connsiteY21" fmla="*/ 74613 h 596900"/>
              <a:gd name="connsiteX22" fmla="*/ 596900 w 596900"/>
              <a:gd name="connsiteY22" fmla="*/ 153471 h 596900"/>
              <a:gd name="connsiteX23" fmla="*/ 596900 w 596900"/>
              <a:gd name="connsiteY23" fmla="*/ 222485 h 596900"/>
              <a:gd name="connsiteX24" fmla="*/ 596900 w 596900"/>
              <a:gd name="connsiteY24" fmla="*/ 282312 h 596900"/>
              <a:gd name="connsiteX25" fmla="*/ 596900 w 596900"/>
              <a:gd name="connsiteY25" fmla="*/ 333608 h 596900"/>
              <a:gd name="connsiteX26" fmla="*/ 596900 w 596900"/>
              <a:gd name="connsiteY26" fmla="*/ 377029 h 596900"/>
              <a:gd name="connsiteX27" fmla="*/ 596900 w 596900"/>
              <a:gd name="connsiteY27" fmla="*/ 413232 h 596900"/>
              <a:gd name="connsiteX28" fmla="*/ 596900 w 596900"/>
              <a:gd name="connsiteY28" fmla="*/ 466606 h 596900"/>
              <a:gd name="connsiteX29" fmla="*/ 596900 w 596900"/>
              <a:gd name="connsiteY29" fmla="*/ 498981 h 596900"/>
              <a:gd name="connsiteX30" fmla="*/ 596900 w 596900"/>
              <a:gd name="connsiteY30" fmla="*/ 515605 h 596900"/>
              <a:gd name="connsiteX31" fmla="*/ 596900 w 596900"/>
              <a:gd name="connsiteY31" fmla="*/ 521730 h 596900"/>
              <a:gd name="connsiteX32" fmla="*/ 596900 w 596900"/>
              <a:gd name="connsiteY32" fmla="*/ 522605 h 596900"/>
              <a:gd name="connsiteX33" fmla="*/ 522288 w 596900"/>
              <a:gd name="connsiteY33" fmla="*/ 596900 h 596900"/>
              <a:gd name="connsiteX34" fmla="*/ 443430 w 596900"/>
              <a:gd name="connsiteY34" fmla="*/ 596900 h 596900"/>
              <a:gd name="connsiteX35" fmla="*/ 374415 w 596900"/>
              <a:gd name="connsiteY35" fmla="*/ 596900 h 596900"/>
              <a:gd name="connsiteX36" fmla="*/ 314588 w 596900"/>
              <a:gd name="connsiteY36" fmla="*/ 596900 h 596900"/>
              <a:gd name="connsiteX37" fmla="*/ 263292 w 596900"/>
              <a:gd name="connsiteY37" fmla="*/ 596900 h 596900"/>
              <a:gd name="connsiteX38" fmla="*/ 219871 w 596900"/>
              <a:gd name="connsiteY38" fmla="*/ 596900 h 596900"/>
              <a:gd name="connsiteX39" fmla="*/ 183668 w 596900"/>
              <a:gd name="connsiteY39" fmla="*/ 596900 h 596900"/>
              <a:gd name="connsiteX40" fmla="*/ 130294 w 596900"/>
              <a:gd name="connsiteY40" fmla="*/ 596900 h 596900"/>
              <a:gd name="connsiteX41" fmla="*/ 97920 w 596900"/>
              <a:gd name="connsiteY41" fmla="*/ 596900 h 596900"/>
              <a:gd name="connsiteX42" fmla="*/ 81295 w 596900"/>
              <a:gd name="connsiteY42" fmla="*/ 596900 h 596900"/>
              <a:gd name="connsiteX43" fmla="*/ 75170 w 596900"/>
              <a:gd name="connsiteY43" fmla="*/ 596900 h 596900"/>
              <a:gd name="connsiteX44" fmla="*/ 74295 w 596900"/>
              <a:gd name="connsiteY44" fmla="*/ 596900 h 596900"/>
              <a:gd name="connsiteX45" fmla="*/ 0 w 596900"/>
              <a:gd name="connsiteY45" fmla="*/ 522605 h 596900"/>
              <a:gd name="connsiteX46" fmla="*/ 0 w 596900"/>
              <a:gd name="connsiteY46" fmla="*/ 443747 h 596900"/>
              <a:gd name="connsiteX47" fmla="*/ 0 w 596900"/>
              <a:gd name="connsiteY47" fmla="*/ 374733 h 596900"/>
              <a:gd name="connsiteX48" fmla="*/ 0 w 596900"/>
              <a:gd name="connsiteY48" fmla="*/ 314905 h 596900"/>
              <a:gd name="connsiteX49" fmla="*/ 0 w 596900"/>
              <a:gd name="connsiteY49" fmla="*/ 263609 h 596900"/>
              <a:gd name="connsiteX50" fmla="*/ 0 w 596900"/>
              <a:gd name="connsiteY50" fmla="*/ 220188 h 596900"/>
              <a:gd name="connsiteX51" fmla="*/ 0 w 596900"/>
              <a:gd name="connsiteY51" fmla="*/ 183986 h 596900"/>
              <a:gd name="connsiteX52" fmla="*/ 0 w 596900"/>
              <a:gd name="connsiteY52" fmla="*/ 130612 h 596900"/>
              <a:gd name="connsiteX53" fmla="*/ 0 w 596900"/>
              <a:gd name="connsiteY53" fmla="*/ 98237 h 596900"/>
              <a:gd name="connsiteX54" fmla="*/ 0 w 596900"/>
              <a:gd name="connsiteY54" fmla="*/ 81613 h 596900"/>
              <a:gd name="connsiteX55" fmla="*/ 0 w 596900"/>
              <a:gd name="connsiteY55" fmla="*/ 75488 h 596900"/>
              <a:gd name="connsiteX56" fmla="*/ 0 w 596900"/>
              <a:gd name="connsiteY56" fmla="*/ 74613 h 596900"/>
              <a:gd name="connsiteX57" fmla="*/ 74295 w 596900"/>
              <a:gd name="connsiteY57" fmla="*/ 0 h 5969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</a:cxnLst>
            <a:rect l="l" t="t" r="r" b="b"/>
            <a:pathLst>
              <a:path w="596900" h="596900">
                <a:moveTo>
                  <a:pt x="74295" y="5398"/>
                </a:moveTo>
                <a:cubicBezTo>
                  <a:pt x="36195" y="5398"/>
                  <a:pt x="5080" y="36195"/>
                  <a:pt x="5080" y="74613"/>
                </a:cubicBezTo>
                <a:cubicBezTo>
                  <a:pt x="5080" y="522605"/>
                  <a:pt x="5080" y="522605"/>
                  <a:pt x="5080" y="522605"/>
                </a:cubicBezTo>
                <a:cubicBezTo>
                  <a:pt x="5080" y="560705"/>
                  <a:pt x="36195" y="591820"/>
                  <a:pt x="74295" y="591820"/>
                </a:cubicBezTo>
                <a:cubicBezTo>
                  <a:pt x="522288" y="591820"/>
                  <a:pt x="522288" y="591820"/>
                  <a:pt x="522288" y="591820"/>
                </a:cubicBezTo>
                <a:cubicBezTo>
                  <a:pt x="560705" y="591820"/>
                  <a:pt x="591503" y="560705"/>
                  <a:pt x="591503" y="522605"/>
                </a:cubicBezTo>
                <a:cubicBezTo>
                  <a:pt x="591503" y="74613"/>
                  <a:pt x="591503" y="74613"/>
                  <a:pt x="591503" y="74613"/>
                </a:cubicBezTo>
                <a:cubicBezTo>
                  <a:pt x="591503" y="36195"/>
                  <a:pt x="560705" y="5398"/>
                  <a:pt x="522288" y="5398"/>
                </a:cubicBezTo>
                <a:cubicBezTo>
                  <a:pt x="74295" y="5398"/>
                  <a:pt x="74295" y="5398"/>
                  <a:pt x="74295" y="5398"/>
                </a:cubicBezTo>
                <a:close/>
                <a:moveTo>
                  <a:pt x="74295" y="0"/>
                </a:moveTo>
                <a:lnTo>
                  <a:pt x="153153" y="0"/>
                </a:lnTo>
                <a:lnTo>
                  <a:pt x="222168" y="0"/>
                </a:lnTo>
                <a:lnTo>
                  <a:pt x="281995" y="0"/>
                </a:lnTo>
                <a:lnTo>
                  <a:pt x="333291" y="0"/>
                </a:lnTo>
                <a:lnTo>
                  <a:pt x="376712" y="0"/>
                </a:lnTo>
                <a:lnTo>
                  <a:pt x="412915" y="0"/>
                </a:lnTo>
                <a:lnTo>
                  <a:pt x="466289" y="0"/>
                </a:lnTo>
                <a:lnTo>
                  <a:pt x="498663" y="0"/>
                </a:lnTo>
                <a:lnTo>
                  <a:pt x="515288" y="0"/>
                </a:lnTo>
                <a:lnTo>
                  <a:pt x="521413" y="0"/>
                </a:lnTo>
                <a:lnTo>
                  <a:pt x="522288" y="0"/>
                </a:lnTo>
                <a:cubicBezTo>
                  <a:pt x="563563" y="0"/>
                  <a:pt x="596900" y="33338"/>
                  <a:pt x="596900" y="74613"/>
                </a:cubicBezTo>
                <a:lnTo>
                  <a:pt x="596900" y="153471"/>
                </a:lnTo>
                <a:lnTo>
                  <a:pt x="596900" y="222485"/>
                </a:lnTo>
                <a:lnTo>
                  <a:pt x="596900" y="282312"/>
                </a:lnTo>
                <a:lnTo>
                  <a:pt x="596900" y="333608"/>
                </a:lnTo>
                <a:lnTo>
                  <a:pt x="596900" y="377029"/>
                </a:lnTo>
                <a:lnTo>
                  <a:pt x="596900" y="413232"/>
                </a:lnTo>
                <a:lnTo>
                  <a:pt x="596900" y="466606"/>
                </a:lnTo>
                <a:lnTo>
                  <a:pt x="596900" y="498981"/>
                </a:lnTo>
                <a:lnTo>
                  <a:pt x="596900" y="515605"/>
                </a:lnTo>
                <a:lnTo>
                  <a:pt x="596900" y="521730"/>
                </a:lnTo>
                <a:lnTo>
                  <a:pt x="596900" y="522605"/>
                </a:lnTo>
                <a:cubicBezTo>
                  <a:pt x="596900" y="563563"/>
                  <a:pt x="563563" y="596900"/>
                  <a:pt x="522288" y="596900"/>
                </a:cubicBezTo>
                <a:lnTo>
                  <a:pt x="443430" y="596900"/>
                </a:lnTo>
                <a:lnTo>
                  <a:pt x="374415" y="596900"/>
                </a:lnTo>
                <a:lnTo>
                  <a:pt x="314588" y="596900"/>
                </a:lnTo>
                <a:lnTo>
                  <a:pt x="263292" y="596900"/>
                </a:lnTo>
                <a:lnTo>
                  <a:pt x="219871" y="596900"/>
                </a:lnTo>
                <a:lnTo>
                  <a:pt x="183668" y="596900"/>
                </a:lnTo>
                <a:lnTo>
                  <a:pt x="130294" y="596900"/>
                </a:lnTo>
                <a:lnTo>
                  <a:pt x="97920" y="596900"/>
                </a:lnTo>
                <a:lnTo>
                  <a:pt x="81295" y="596900"/>
                </a:lnTo>
                <a:lnTo>
                  <a:pt x="75170" y="596900"/>
                </a:lnTo>
                <a:lnTo>
                  <a:pt x="74295" y="596900"/>
                </a:lnTo>
                <a:cubicBezTo>
                  <a:pt x="33338" y="596900"/>
                  <a:pt x="0" y="563563"/>
                  <a:pt x="0" y="522605"/>
                </a:cubicBezTo>
                <a:lnTo>
                  <a:pt x="0" y="443747"/>
                </a:lnTo>
                <a:lnTo>
                  <a:pt x="0" y="374733"/>
                </a:lnTo>
                <a:lnTo>
                  <a:pt x="0" y="314905"/>
                </a:lnTo>
                <a:lnTo>
                  <a:pt x="0" y="263609"/>
                </a:lnTo>
                <a:lnTo>
                  <a:pt x="0" y="220188"/>
                </a:lnTo>
                <a:lnTo>
                  <a:pt x="0" y="183986"/>
                </a:lnTo>
                <a:lnTo>
                  <a:pt x="0" y="130612"/>
                </a:lnTo>
                <a:lnTo>
                  <a:pt x="0" y="98237"/>
                </a:lnTo>
                <a:lnTo>
                  <a:pt x="0" y="81613"/>
                </a:lnTo>
                <a:lnTo>
                  <a:pt x="0" y="75488"/>
                </a:lnTo>
                <a:lnTo>
                  <a:pt x="0" y="74613"/>
                </a:lnTo>
                <a:cubicBezTo>
                  <a:pt x="0" y="33338"/>
                  <a:pt x="33338" y="0"/>
                  <a:pt x="74295" y="0"/>
                </a:cubicBezTo>
                <a:close/>
              </a:path>
            </a:pathLst>
          </a:custGeom>
          <a:solidFill>
            <a:srgbClr val="CCCCCC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74" name="Frame 14 {PHJU}">
            <a:extLst>
              <a:ext uri="{FF2B5EF4-FFF2-40B4-BE49-F238E27FC236}">
                <a16:creationId xmlns:a16="http://schemas.microsoft.com/office/drawing/2014/main" id="{3036255A-722D-7C60-F931-27DE55C1BBD2}"/>
              </a:ext>
            </a:extLst>
          </p:cNvPr>
          <p:cNvSpPr>
            <a:spLocks noGrp="1" noSelect="1"/>
          </p:cNvSpPr>
          <p:nvPr>
            <p:ph type="body" sz="quarter" idx="47" hasCustomPrompt="1"/>
          </p:nvPr>
        </p:nvSpPr>
        <p:spPr>
          <a:xfrm>
            <a:off x="6702427" y="3462339"/>
            <a:ext cx="314324" cy="315912"/>
          </a:xfrm>
          <a:custGeom>
            <a:avLst/>
            <a:gdLst>
              <a:gd name="connsiteX0" fmla="*/ 156528 w 314324"/>
              <a:gd name="connsiteY0" fmla="*/ 20401 h 315912"/>
              <a:gd name="connsiteX1" fmla="*/ 105830 w 314324"/>
              <a:gd name="connsiteY1" fmla="*/ 30283 h 315912"/>
              <a:gd name="connsiteX2" fmla="*/ 60203 w 314324"/>
              <a:gd name="connsiteY2" fmla="*/ 60886 h 315912"/>
              <a:gd name="connsiteX3" fmla="*/ 30418 w 314324"/>
              <a:gd name="connsiteY3" fmla="*/ 106154 h 315912"/>
              <a:gd name="connsiteX4" fmla="*/ 20278 w 314324"/>
              <a:gd name="connsiteY4" fmla="*/ 158115 h 315912"/>
              <a:gd name="connsiteX5" fmla="*/ 30418 w 314324"/>
              <a:gd name="connsiteY5" fmla="*/ 210076 h 315912"/>
              <a:gd name="connsiteX6" fmla="*/ 60203 w 314324"/>
              <a:gd name="connsiteY6" fmla="*/ 255344 h 315912"/>
              <a:gd name="connsiteX7" fmla="*/ 105197 w 314324"/>
              <a:gd name="connsiteY7" fmla="*/ 285309 h 315912"/>
              <a:gd name="connsiteX8" fmla="*/ 155261 w 314324"/>
              <a:gd name="connsiteY8" fmla="*/ 295191 h 315912"/>
              <a:gd name="connsiteX9" fmla="*/ 156528 w 314324"/>
              <a:gd name="connsiteY9" fmla="*/ 295191 h 315912"/>
              <a:gd name="connsiteX10" fmla="*/ 207859 w 314324"/>
              <a:gd name="connsiteY10" fmla="*/ 284672 h 315912"/>
              <a:gd name="connsiteX11" fmla="*/ 253170 w 314324"/>
              <a:gd name="connsiteY11" fmla="*/ 254387 h 315912"/>
              <a:gd name="connsiteX12" fmla="*/ 283589 w 314324"/>
              <a:gd name="connsiteY12" fmla="*/ 209120 h 315912"/>
              <a:gd name="connsiteX13" fmla="*/ 293728 w 314324"/>
              <a:gd name="connsiteY13" fmla="*/ 157796 h 315912"/>
              <a:gd name="connsiteX14" fmla="*/ 284223 w 314324"/>
              <a:gd name="connsiteY14" fmla="*/ 106472 h 315912"/>
              <a:gd name="connsiteX15" fmla="*/ 254755 w 314324"/>
              <a:gd name="connsiteY15" fmla="*/ 61524 h 315912"/>
              <a:gd name="connsiteX16" fmla="*/ 209127 w 314324"/>
              <a:gd name="connsiteY16" fmla="*/ 30921 h 315912"/>
              <a:gd name="connsiteX17" fmla="*/ 157162 w 314324"/>
              <a:gd name="connsiteY17" fmla="*/ 20401 h 315912"/>
              <a:gd name="connsiteX18" fmla="*/ 156528 w 314324"/>
              <a:gd name="connsiteY18" fmla="*/ 20401 h 315912"/>
              <a:gd name="connsiteX19" fmla="*/ 154622 w 314324"/>
              <a:gd name="connsiteY19" fmla="*/ 0 h 315912"/>
              <a:gd name="connsiteX20" fmla="*/ 157484 w 314324"/>
              <a:gd name="connsiteY20" fmla="*/ 0 h 315912"/>
              <a:gd name="connsiteX21" fmla="*/ 216731 w 314324"/>
              <a:gd name="connsiteY21" fmla="*/ 11794 h 315912"/>
              <a:gd name="connsiteX22" fmla="*/ 269013 w 314324"/>
              <a:gd name="connsiteY22" fmla="*/ 47179 h 315912"/>
              <a:gd name="connsiteX23" fmla="*/ 303234 w 314324"/>
              <a:gd name="connsiteY23" fmla="*/ 98822 h 315912"/>
              <a:gd name="connsiteX24" fmla="*/ 314324 w 314324"/>
              <a:gd name="connsiteY24" fmla="*/ 157796 h 315912"/>
              <a:gd name="connsiteX25" fmla="*/ 302600 w 314324"/>
              <a:gd name="connsiteY25" fmla="*/ 216771 h 315912"/>
              <a:gd name="connsiteX26" fmla="*/ 267746 w 314324"/>
              <a:gd name="connsiteY26" fmla="*/ 269051 h 315912"/>
              <a:gd name="connsiteX27" fmla="*/ 215464 w 314324"/>
              <a:gd name="connsiteY27" fmla="*/ 303798 h 315912"/>
              <a:gd name="connsiteX28" fmla="*/ 156845 w 314324"/>
              <a:gd name="connsiteY28" fmla="*/ 315912 h 315912"/>
              <a:gd name="connsiteX29" fmla="*/ 156211 w 314324"/>
              <a:gd name="connsiteY29" fmla="*/ 315912 h 315912"/>
              <a:gd name="connsiteX30" fmla="*/ 153993 w 314324"/>
              <a:gd name="connsiteY30" fmla="*/ 315912 h 315912"/>
              <a:gd name="connsiteX31" fmla="*/ 97592 w 314324"/>
              <a:gd name="connsiteY31" fmla="*/ 304436 h 315912"/>
              <a:gd name="connsiteX32" fmla="*/ 45944 w 314324"/>
              <a:gd name="connsiteY32" fmla="*/ 270008 h 315912"/>
              <a:gd name="connsiteX33" fmla="*/ 11406 w 314324"/>
              <a:gd name="connsiteY33" fmla="*/ 217727 h 315912"/>
              <a:gd name="connsiteX34" fmla="*/ 0 w 314324"/>
              <a:gd name="connsiteY34" fmla="*/ 158120 h 315912"/>
              <a:gd name="connsiteX35" fmla="*/ 0 w 314324"/>
              <a:gd name="connsiteY35" fmla="*/ 158110 h 315912"/>
              <a:gd name="connsiteX36" fmla="*/ 11406 w 314324"/>
              <a:gd name="connsiteY36" fmla="*/ 98503 h 315912"/>
              <a:gd name="connsiteX37" fmla="*/ 45944 w 314324"/>
              <a:gd name="connsiteY37" fmla="*/ 46541 h 315912"/>
              <a:gd name="connsiteX38" fmla="*/ 98226 w 314324"/>
              <a:gd name="connsiteY38" fmla="*/ 11156 h 31591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</a:cxnLst>
            <a:rect l="l" t="t" r="r" b="b"/>
            <a:pathLst>
              <a:path w="314324" h="315912">
                <a:moveTo>
                  <a:pt x="156528" y="20401"/>
                </a:moveTo>
                <a:cubicBezTo>
                  <a:pt x="139418" y="20401"/>
                  <a:pt x="122307" y="23908"/>
                  <a:pt x="105830" y="30283"/>
                </a:cubicBezTo>
                <a:cubicBezTo>
                  <a:pt x="89037" y="37297"/>
                  <a:pt x="73828" y="47498"/>
                  <a:pt x="60203" y="60886"/>
                </a:cubicBezTo>
                <a:cubicBezTo>
                  <a:pt x="47211" y="74275"/>
                  <a:pt x="37072" y="89577"/>
                  <a:pt x="30418" y="106154"/>
                </a:cubicBezTo>
                <a:cubicBezTo>
                  <a:pt x="23764" y="123049"/>
                  <a:pt x="20278" y="140582"/>
                  <a:pt x="20278" y="158115"/>
                </a:cubicBezTo>
                <a:cubicBezTo>
                  <a:pt x="20278" y="175967"/>
                  <a:pt x="23764" y="193500"/>
                  <a:pt x="30418" y="210076"/>
                </a:cubicBezTo>
                <a:cubicBezTo>
                  <a:pt x="37072" y="226972"/>
                  <a:pt x="47211" y="242273"/>
                  <a:pt x="60203" y="255344"/>
                </a:cubicBezTo>
                <a:cubicBezTo>
                  <a:pt x="73511" y="268732"/>
                  <a:pt x="88720" y="278615"/>
                  <a:pt x="105197" y="285309"/>
                </a:cubicBezTo>
                <a:cubicBezTo>
                  <a:pt x="121673" y="292003"/>
                  <a:pt x="138467" y="295191"/>
                  <a:pt x="155261" y="295191"/>
                </a:cubicBezTo>
                <a:cubicBezTo>
                  <a:pt x="155894" y="295191"/>
                  <a:pt x="156211" y="295191"/>
                  <a:pt x="156528" y="295191"/>
                </a:cubicBezTo>
                <a:cubicBezTo>
                  <a:pt x="173955" y="295191"/>
                  <a:pt x="191066" y="291685"/>
                  <a:pt x="207859" y="284672"/>
                </a:cubicBezTo>
                <a:cubicBezTo>
                  <a:pt x="224653" y="277977"/>
                  <a:pt x="239862" y="267776"/>
                  <a:pt x="253170" y="254387"/>
                </a:cubicBezTo>
                <a:cubicBezTo>
                  <a:pt x="266478" y="240998"/>
                  <a:pt x="276618" y="225697"/>
                  <a:pt x="283589" y="209120"/>
                </a:cubicBezTo>
                <a:cubicBezTo>
                  <a:pt x="290243" y="192225"/>
                  <a:pt x="293728" y="175010"/>
                  <a:pt x="293728" y="157796"/>
                </a:cubicBezTo>
                <a:cubicBezTo>
                  <a:pt x="294045" y="140263"/>
                  <a:pt x="290560" y="123049"/>
                  <a:pt x="284223" y="106472"/>
                </a:cubicBezTo>
                <a:cubicBezTo>
                  <a:pt x="277885" y="89896"/>
                  <a:pt x="267746" y="74913"/>
                  <a:pt x="254755" y="61524"/>
                </a:cubicBezTo>
                <a:cubicBezTo>
                  <a:pt x="241130" y="48135"/>
                  <a:pt x="225920" y="37615"/>
                  <a:pt x="209127" y="30921"/>
                </a:cubicBezTo>
                <a:cubicBezTo>
                  <a:pt x="192016" y="23908"/>
                  <a:pt x="174906" y="20401"/>
                  <a:pt x="157162" y="20401"/>
                </a:cubicBezTo>
                <a:cubicBezTo>
                  <a:pt x="157162" y="20401"/>
                  <a:pt x="156845" y="20401"/>
                  <a:pt x="156528" y="20401"/>
                </a:cubicBezTo>
                <a:close/>
                <a:moveTo>
                  <a:pt x="154622" y="0"/>
                </a:moveTo>
                <a:lnTo>
                  <a:pt x="157484" y="0"/>
                </a:lnTo>
                <a:lnTo>
                  <a:pt x="216731" y="11794"/>
                </a:lnTo>
                <a:cubicBezTo>
                  <a:pt x="236060" y="19445"/>
                  <a:pt x="253804" y="31559"/>
                  <a:pt x="269013" y="47179"/>
                </a:cubicBezTo>
                <a:cubicBezTo>
                  <a:pt x="284223" y="62162"/>
                  <a:pt x="295630" y="79695"/>
                  <a:pt x="303234" y="98822"/>
                </a:cubicBezTo>
                <a:cubicBezTo>
                  <a:pt x="310839" y="117948"/>
                  <a:pt x="314324" y="137713"/>
                  <a:pt x="314324" y="157796"/>
                </a:cubicBezTo>
                <a:cubicBezTo>
                  <a:pt x="314324" y="177880"/>
                  <a:pt x="310205" y="197644"/>
                  <a:pt x="302600" y="216771"/>
                </a:cubicBezTo>
                <a:cubicBezTo>
                  <a:pt x="294679" y="236217"/>
                  <a:pt x="282955" y="253750"/>
                  <a:pt x="267746" y="269051"/>
                </a:cubicBezTo>
                <a:cubicBezTo>
                  <a:pt x="252220" y="284353"/>
                  <a:pt x="234792" y="296148"/>
                  <a:pt x="215464" y="303798"/>
                </a:cubicBezTo>
                <a:cubicBezTo>
                  <a:pt x="196452" y="311768"/>
                  <a:pt x="176490" y="315593"/>
                  <a:pt x="156845" y="315912"/>
                </a:cubicBezTo>
                <a:cubicBezTo>
                  <a:pt x="156528" y="315912"/>
                  <a:pt x="156528" y="315912"/>
                  <a:pt x="156211" y="315912"/>
                </a:cubicBezTo>
                <a:cubicBezTo>
                  <a:pt x="156211" y="315912"/>
                  <a:pt x="156211" y="315912"/>
                  <a:pt x="153993" y="315912"/>
                </a:cubicBezTo>
                <a:cubicBezTo>
                  <a:pt x="134982" y="315593"/>
                  <a:pt x="115970" y="311768"/>
                  <a:pt x="97592" y="304436"/>
                </a:cubicBezTo>
                <a:cubicBezTo>
                  <a:pt x="78264" y="296785"/>
                  <a:pt x="60836" y="285309"/>
                  <a:pt x="45944" y="270008"/>
                </a:cubicBezTo>
                <a:cubicBezTo>
                  <a:pt x="30735" y="254706"/>
                  <a:pt x="19011" y="237173"/>
                  <a:pt x="11406" y="217727"/>
                </a:cubicBezTo>
                <a:lnTo>
                  <a:pt x="0" y="158120"/>
                </a:lnTo>
                <a:lnTo>
                  <a:pt x="0" y="158110"/>
                </a:lnTo>
                <a:lnTo>
                  <a:pt x="11406" y="98503"/>
                </a:lnTo>
                <a:cubicBezTo>
                  <a:pt x="19011" y="79057"/>
                  <a:pt x="30735" y="61524"/>
                  <a:pt x="45944" y="46541"/>
                </a:cubicBezTo>
                <a:cubicBezTo>
                  <a:pt x="61153" y="30921"/>
                  <a:pt x="78897" y="19126"/>
                  <a:pt x="98226" y="11156"/>
                </a:cubicBezTo>
                <a:close/>
              </a:path>
            </a:pathLst>
          </a:custGeom>
          <a:solidFill>
            <a:srgbClr val="CCCCCC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76" name="Frame 15 {PHJU}">
            <a:extLst>
              <a:ext uri="{FF2B5EF4-FFF2-40B4-BE49-F238E27FC236}">
                <a16:creationId xmlns:a16="http://schemas.microsoft.com/office/drawing/2014/main" id="{28B9D234-4A13-3752-D7C0-8FFEE4348F61}"/>
              </a:ext>
            </a:extLst>
          </p:cNvPr>
          <p:cNvSpPr>
            <a:spLocks noGrp="1" noSelect="1"/>
          </p:cNvSpPr>
          <p:nvPr>
            <p:ph type="body" sz="quarter" idx="48" hasCustomPrompt="1"/>
          </p:nvPr>
        </p:nvSpPr>
        <p:spPr>
          <a:xfrm>
            <a:off x="6787853" y="3578225"/>
            <a:ext cx="154723" cy="109538"/>
          </a:xfrm>
          <a:custGeom>
            <a:avLst/>
            <a:gdLst>
              <a:gd name="connsiteX0" fmla="*/ 144670 w 154723"/>
              <a:gd name="connsiteY0" fmla="*/ 0 h 109538"/>
              <a:gd name="connsiteX1" fmla="*/ 151392 w 154723"/>
              <a:gd name="connsiteY1" fmla="*/ 2866 h 109538"/>
              <a:gd name="connsiteX2" fmla="*/ 152032 w 154723"/>
              <a:gd name="connsiteY2" fmla="*/ 17513 h 109538"/>
              <a:gd name="connsiteX3" fmla="*/ 69770 w 154723"/>
              <a:gd name="connsiteY3" fmla="*/ 106035 h 109538"/>
              <a:gd name="connsiteX4" fmla="*/ 62408 w 154723"/>
              <a:gd name="connsiteY4" fmla="*/ 109538 h 109538"/>
              <a:gd name="connsiteX5" fmla="*/ 62088 w 154723"/>
              <a:gd name="connsiteY5" fmla="*/ 109538 h 109538"/>
              <a:gd name="connsiteX6" fmla="*/ 54405 w 154723"/>
              <a:gd name="connsiteY6" fmla="*/ 106035 h 109538"/>
              <a:gd name="connsiteX7" fmla="*/ 2551 w 154723"/>
              <a:gd name="connsiteY7" fmla="*/ 46809 h 109538"/>
              <a:gd name="connsiteX8" fmla="*/ 3512 w 154723"/>
              <a:gd name="connsiteY8" fmla="*/ 32161 h 109538"/>
              <a:gd name="connsiteX9" fmla="*/ 10233 w 154723"/>
              <a:gd name="connsiteY9" fmla="*/ 29614 h 109538"/>
              <a:gd name="connsiteX10" fmla="*/ 18236 w 154723"/>
              <a:gd name="connsiteY10" fmla="*/ 33435 h 109538"/>
              <a:gd name="connsiteX11" fmla="*/ 62408 w 154723"/>
              <a:gd name="connsiteY11" fmla="*/ 83746 h 109538"/>
              <a:gd name="connsiteX12" fmla="*/ 136988 w 154723"/>
              <a:gd name="connsiteY12" fmla="*/ 3503 h 109538"/>
              <a:gd name="connsiteX13" fmla="*/ 144670 w 154723"/>
              <a:gd name="connsiteY13" fmla="*/ 0 h 10953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54723" h="109538">
                <a:moveTo>
                  <a:pt x="144670" y="0"/>
                </a:moveTo>
                <a:cubicBezTo>
                  <a:pt x="146911" y="0"/>
                  <a:pt x="149471" y="955"/>
                  <a:pt x="151392" y="2866"/>
                </a:cubicBezTo>
                <a:cubicBezTo>
                  <a:pt x="155553" y="6687"/>
                  <a:pt x="155873" y="13374"/>
                  <a:pt x="152032" y="17513"/>
                </a:cubicBezTo>
                <a:cubicBezTo>
                  <a:pt x="152032" y="17513"/>
                  <a:pt x="152032" y="17513"/>
                  <a:pt x="69770" y="106035"/>
                </a:cubicBezTo>
                <a:cubicBezTo>
                  <a:pt x="67849" y="108264"/>
                  <a:pt x="65288" y="109538"/>
                  <a:pt x="62408" y="109538"/>
                </a:cubicBezTo>
                <a:lnTo>
                  <a:pt x="62088" y="109538"/>
                </a:lnTo>
                <a:cubicBezTo>
                  <a:pt x="59207" y="109538"/>
                  <a:pt x="56326" y="108264"/>
                  <a:pt x="54405" y="106035"/>
                </a:cubicBezTo>
                <a:cubicBezTo>
                  <a:pt x="54405" y="106035"/>
                  <a:pt x="54405" y="106035"/>
                  <a:pt x="2551" y="46809"/>
                </a:cubicBezTo>
                <a:cubicBezTo>
                  <a:pt x="-1290" y="42669"/>
                  <a:pt x="-650" y="35982"/>
                  <a:pt x="3512" y="32161"/>
                </a:cubicBezTo>
                <a:cubicBezTo>
                  <a:pt x="5432" y="30569"/>
                  <a:pt x="7993" y="29614"/>
                  <a:pt x="10233" y="29614"/>
                </a:cubicBezTo>
                <a:cubicBezTo>
                  <a:pt x="13114" y="29614"/>
                  <a:pt x="15995" y="30887"/>
                  <a:pt x="18236" y="33435"/>
                </a:cubicBezTo>
                <a:cubicBezTo>
                  <a:pt x="18236" y="33435"/>
                  <a:pt x="18236" y="33435"/>
                  <a:pt x="62408" y="83746"/>
                </a:cubicBezTo>
                <a:cubicBezTo>
                  <a:pt x="62408" y="83746"/>
                  <a:pt x="62408" y="83746"/>
                  <a:pt x="136988" y="3503"/>
                </a:cubicBezTo>
                <a:cubicBezTo>
                  <a:pt x="138909" y="1274"/>
                  <a:pt x="141789" y="0"/>
                  <a:pt x="144670" y="0"/>
                </a:cubicBezTo>
                <a:close/>
              </a:path>
            </a:pathLst>
          </a:custGeom>
          <a:solidFill>
            <a:srgbClr val="CCCCCC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78" name="Frame 16 {PHJU}">
            <a:extLst>
              <a:ext uri="{FF2B5EF4-FFF2-40B4-BE49-F238E27FC236}">
                <a16:creationId xmlns:a16="http://schemas.microsoft.com/office/drawing/2014/main" id="{4E822640-6A00-4C1D-EBBA-508BC70DB033}"/>
              </a:ext>
            </a:extLst>
          </p:cNvPr>
          <p:cNvSpPr>
            <a:spLocks noGrp="1" noSelect="1"/>
          </p:cNvSpPr>
          <p:nvPr>
            <p:ph type="body" sz="quarter" idx="49" hasCustomPrompt="1"/>
          </p:nvPr>
        </p:nvSpPr>
        <p:spPr>
          <a:xfrm>
            <a:off x="5794377" y="3246439"/>
            <a:ext cx="746124" cy="747712"/>
          </a:xfrm>
          <a:custGeom>
            <a:avLst/>
            <a:gdLst>
              <a:gd name="connsiteX0" fmla="*/ 92352 w 746124"/>
              <a:gd name="connsiteY0" fmla="*/ 5086 h 747712"/>
              <a:gd name="connsiteX1" fmla="*/ 5077 w 746124"/>
              <a:gd name="connsiteY1" fmla="*/ 92827 h 747712"/>
              <a:gd name="connsiteX2" fmla="*/ 5077 w 746124"/>
              <a:gd name="connsiteY2" fmla="*/ 678727 h 747712"/>
              <a:gd name="connsiteX3" fmla="*/ 68550 w 746124"/>
              <a:gd name="connsiteY3" fmla="*/ 742308 h 747712"/>
              <a:gd name="connsiteX4" fmla="*/ 653454 w 746124"/>
              <a:gd name="connsiteY4" fmla="*/ 742308 h 747712"/>
              <a:gd name="connsiteX5" fmla="*/ 741046 w 746124"/>
              <a:gd name="connsiteY5" fmla="*/ 654884 h 747712"/>
              <a:gd name="connsiteX6" fmla="*/ 741046 w 746124"/>
              <a:gd name="connsiteY6" fmla="*/ 92827 h 747712"/>
              <a:gd name="connsiteX7" fmla="*/ 653454 w 746124"/>
              <a:gd name="connsiteY7" fmla="*/ 5086 h 747712"/>
              <a:gd name="connsiteX8" fmla="*/ 92347 w 746124"/>
              <a:gd name="connsiteY8" fmla="*/ 0 h 747712"/>
              <a:gd name="connsiteX9" fmla="*/ 653459 w 746124"/>
              <a:gd name="connsiteY9" fmla="*/ 0 h 747712"/>
              <a:gd name="connsiteX10" fmla="*/ 689489 w 746124"/>
              <a:gd name="connsiteY10" fmla="*/ 7306 h 747712"/>
              <a:gd name="connsiteX11" fmla="*/ 746124 w 746124"/>
              <a:gd name="connsiteY11" fmla="*/ 92827 h 747712"/>
              <a:gd name="connsiteX12" fmla="*/ 746124 w 746124"/>
              <a:gd name="connsiteY12" fmla="*/ 654884 h 747712"/>
              <a:gd name="connsiteX13" fmla="*/ 653454 w 746124"/>
              <a:gd name="connsiteY13" fmla="*/ 747712 h 747712"/>
              <a:gd name="connsiteX14" fmla="*/ 68550 w 746124"/>
              <a:gd name="connsiteY14" fmla="*/ 747712 h 747712"/>
              <a:gd name="connsiteX15" fmla="*/ 5399 w 746124"/>
              <a:gd name="connsiteY15" fmla="*/ 705465 h 747712"/>
              <a:gd name="connsiteX16" fmla="*/ 0 w 746124"/>
              <a:gd name="connsiteY16" fmla="*/ 678732 h 747712"/>
              <a:gd name="connsiteX17" fmla="*/ 0 w 746124"/>
              <a:gd name="connsiteY17" fmla="*/ 92822 h 747712"/>
              <a:gd name="connsiteX18" fmla="*/ 7244 w 746124"/>
              <a:gd name="connsiteY18" fmla="*/ 56730 h 747712"/>
              <a:gd name="connsiteX19" fmla="*/ 56366 w 746124"/>
              <a:gd name="connsiteY19" fmla="*/ 7306 h 74771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746124" h="747712">
                <a:moveTo>
                  <a:pt x="92352" y="5086"/>
                </a:moveTo>
                <a:cubicBezTo>
                  <a:pt x="44430" y="5086"/>
                  <a:pt x="5077" y="44506"/>
                  <a:pt x="5077" y="92827"/>
                </a:cubicBezTo>
                <a:cubicBezTo>
                  <a:pt x="5077" y="678727"/>
                  <a:pt x="5077" y="678727"/>
                  <a:pt x="5077" y="678727"/>
                </a:cubicBezTo>
                <a:cubicBezTo>
                  <a:pt x="5077" y="713696"/>
                  <a:pt x="33640" y="742308"/>
                  <a:pt x="68550" y="742308"/>
                </a:cubicBezTo>
                <a:cubicBezTo>
                  <a:pt x="653454" y="742308"/>
                  <a:pt x="653454" y="742308"/>
                  <a:pt x="653454" y="742308"/>
                </a:cubicBezTo>
                <a:cubicBezTo>
                  <a:pt x="701693" y="742308"/>
                  <a:pt x="741046" y="703205"/>
                  <a:pt x="741046" y="654884"/>
                </a:cubicBezTo>
                <a:cubicBezTo>
                  <a:pt x="741046" y="92827"/>
                  <a:pt x="741046" y="92827"/>
                  <a:pt x="741046" y="92827"/>
                </a:cubicBezTo>
                <a:cubicBezTo>
                  <a:pt x="741046" y="44506"/>
                  <a:pt x="701693" y="5086"/>
                  <a:pt x="653454" y="5086"/>
                </a:cubicBezTo>
                <a:close/>
                <a:moveTo>
                  <a:pt x="92347" y="0"/>
                </a:moveTo>
                <a:lnTo>
                  <a:pt x="653459" y="0"/>
                </a:lnTo>
                <a:lnTo>
                  <a:pt x="689489" y="7306"/>
                </a:lnTo>
                <a:cubicBezTo>
                  <a:pt x="722738" y="21418"/>
                  <a:pt x="746124" y="54440"/>
                  <a:pt x="746124" y="92827"/>
                </a:cubicBezTo>
                <a:cubicBezTo>
                  <a:pt x="746124" y="654884"/>
                  <a:pt x="746124" y="654884"/>
                  <a:pt x="746124" y="654884"/>
                </a:cubicBezTo>
                <a:cubicBezTo>
                  <a:pt x="746124" y="706067"/>
                  <a:pt x="704549" y="747712"/>
                  <a:pt x="653454" y="747712"/>
                </a:cubicBezTo>
                <a:cubicBezTo>
                  <a:pt x="68550" y="747712"/>
                  <a:pt x="68550" y="747712"/>
                  <a:pt x="68550" y="747712"/>
                </a:cubicBezTo>
                <a:cubicBezTo>
                  <a:pt x="40225" y="747712"/>
                  <a:pt x="15828" y="730188"/>
                  <a:pt x="5399" y="705465"/>
                </a:cubicBezTo>
                <a:lnTo>
                  <a:pt x="0" y="678732"/>
                </a:lnTo>
                <a:lnTo>
                  <a:pt x="0" y="92822"/>
                </a:lnTo>
                <a:lnTo>
                  <a:pt x="7244" y="56730"/>
                </a:lnTo>
                <a:cubicBezTo>
                  <a:pt x="16577" y="34527"/>
                  <a:pt x="34260" y="16714"/>
                  <a:pt x="56366" y="7306"/>
                </a:cubicBezTo>
                <a:close/>
              </a:path>
            </a:pathLst>
          </a:custGeom>
          <a:solidFill>
            <a:srgbClr val="CCCCCC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80" name="Frame 17 {PHJU}">
            <a:extLst>
              <a:ext uri="{FF2B5EF4-FFF2-40B4-BE49-F238E27FC236}">
                <a16:creationId xmlns:a16="http://schemas.microsoft.com/office/drawing/2014/main" id="{26697BFA-FA5F-D4CE-922C-EAD8FD8E9F4F}"/>
              </a:ext>
            </a:extLst>
          </p:cNvPr>
          <p:cNvSpPr>
            <a:spLocks noGrp="1" noSelect="1"/>
          </p:cNvSpPr>
          <p:nvPr>
            <p:ph type="body" sz="quarter" idx="50" hasCustomPrompt="1"/>
          </p:nvPr>
        </p:nvSpPr>
        <p:spPr>
          <a:xfrm>
            <a:off x="5935663" y="3387725"/>
            <a:ext cx="465138" cy="465138"/>
          </a:xfrm>
          <a:custGeom>
            <a:avLst/>
            <a:gdLst>
              <a:gd name="connsiteX0" fmla="*/ 231775 w 465138"/>
              <a:gd name="connsiteY0" fmla="*/ 23527 h 465138"/>
              <a:gd name="connsiteX1" fmla="*/ 153988 w 465138"/>
              <a:gd name="connsiteY1" fmla="*/ 38470 h 465138"/>
              <a:gd name="connsiteX2" fmla="*/ 84455 w 465138"/>
              <a:gd name="connsiteY2" fmla="*/ 85207 h 465138"/>
              <a:gd name="connsiteX3" fmla="*/ 38735 w 465138"/>
              <a:gd name="connsiteY3" fmla="*/ 154198 h 465138"/>
              <a:gd name="connsiteX4" fmla="*/ 23495 w 465138"/>
              <a:gd name="connsiteY4" fmla="*/ 233046 h 465138"/>
              <a:gd name="connsiteX5" fmla="*/ 38735 w 465138"/>
              <a:gd name="connsiteY5" fmla="*/ 312212 h 465138"/>
              <a:gd name="connsiteX6" fmla="*/ 84455 w 465138"/>
              <a:gd name="connsiteY6" fmla="*/ 381203 h 465138"/>
              <a:gd name="connsiteX7" fmla="*/ 153035 w 465138"/>
              <a:gd name="connsiteY7" fmla="*/ 426986 h 465138"/>
              <a:gd name="connsiteX8" fmla="*/ 227965 w 465138"/>
              <a:gd name="connsiteY8" fmla="*/ 441929 h 465138"/>
              <a:gd name="connsiteX9" fmla="*/ 231775 w 465138"/>
              <a:gd name="connsiteY9" fmla="*/ 441929 h 465138"/>
              <a:gd name="connsiteX10" fmla="*/ 310516 w 465138"/>
              <a:gd name="connsiteY10" fmla="*/ 426032 h 465138"/>
              <a:gd name="connsiteX11" fmla="*/ 379413 w 465138"/>
              <a:gd name="connsiteY11" fmla="*/ 379932 h 465138"/>
              <a:gd name="connsiteX12" fmla="*/ 425768 w 465138"/>
              <a:gd name="connsiteY12" fmla="*/ 310622 h 465138"/>
              <a:gd name="connsiteX13" fmla="*/ 441643 w 465138"/>
              <a:gd name="connsiteY13" fmla="*/ 232410 h 465138"/>
              <a:gd name="connsiteX14" fmla="*/ 427038 w 465138"/>
              <a:gd name="connsiteY14" fmla="*/ 154516 h 465138"/>
              <a:gd name="connsiteX15" fmla="*/ 381636 w 465138"/>
              <a:gd name="connsiteY15" fmla="*/ 86160 h 465138"/>
              <a:gd name="connsiteX16" fmla="*/ 311786 w 465138"/>
              <a:gd name="connsiteY16" fmla="*/ 39106 h 465138"/>
              <a:gd name="connsiteX17" fmla="*/ 232728 w 465138"/>
              <a:gd name="connsiteY17" fmla="*/ 23527 h 465138"/>
              <a:gd name="connsiteX18" fmla="*/ 231775 w 465138"/>
              <a:gd name="connsiteY18" fmla="*/ 23527 h 465138"/>
              <a:gd name="connsiteX19" fmla="*/ 233045 w 465138"/>
              <a:gd name="connsiteY19" fmla="*/ 0 h 465138"/>
              <a:gd name="connsiteX20" fmla="*/ 320676 w 465138"/>
              <a:gd name="connsiteY20" fmla="*/ 17487 h 465138"/>
              <a:gd name="connsiteX21" fmla="*/ 398463 w 465138"/>
              <a:gd name="connsiteY21" fmla="*/ 69628 h 465138"/>
              <a:gd name="connsiteX22" fmla="*/ 448628 w 465138"/>
              <a:gd name="connsiteY22" fmla="*/ 145932 h 465138"/>
              <a:gd name="connsiteX23" fmla="*/ 465138 w 465138"/>
              <a:gd name="connsiteY23" fmla="*/ 232728 h 465138"/>
              <a:gd name="connsiteX24" fmla="*/ 447676 w 465138"/>
              <a:gd name="connsiteY24" fmla="*/ 319524 h 465138"/>
              <a:gd name="connsiteX25" fmla="*/ 395923 w 465138"/>
              <a:gd name="connsiteY25" fmla="*/ 396464 h 465138"/>
              <a:gd name="connsiteX26" fmla="*/ 319088 w 465138"/>
              <a:gd name="connsiteY26" fmla="*/ 447652 h 465138"/>
              <a:gd name="connsiteX27" fmla="*/ 231775 w 465138"/>
              <a:gd name="connsiteY27" fmla="*/ 465138 h 465138"/>
              <a:gd name="connsiteX28" fmla="*/ 230188 w 465138"/>
              <a:gd name="connsiteY28" fmla="*/ 465138 h 465138"/>
              <a:gd name="connsiteX29" fmla="*/ 228600 w 465138"/>
              <a:gd name="connsiteY29" fmla="*/ 465138 h 465138"/>
              <a:gd name="connsiteX30" fmla="*/ 144463 w 465138"/>
              <a:gd name="connsiteY30" fmla="*/ 448606 h 465138"/>
              <a:gd name="connsiteX31" fmla="*/ 67945 w 465138"/>
              <a:gd name="connsiteY31" fmla="*/ 397736 h 465138"/>
              <a:gd name="connsiteX32" fmla="*/ 17145 w 465138"/>
              <a:gd name="connsiteY32" fmla="*/ 321114 h 465138"/>
              <a:gd name="connsiteX33" fmla="*/ 0 w 465138"/>
              <a:gd name="connsiteY33" fmla="*/ 233046 h 465138"/>
              <a:gd name="connsiteX34" fmla="*/ 17145 w 465138"/>
              <a:gd name="connsiteY34" fmla="*/ 145296 h 465138"/>
              <a:gd name="connsiteX35" fmla="*/ 67945 w 465138"/>
              <a:gd name="connsiteY35" fmla="*/ 68674 h 465138"/>
              <a:gd name="connsiteX36" fmla="*/ 145415 w 465138"/>
              <a:gd name="connsiteY36" fmla="*/ 16851 h 465138"/>
              <a:gd name="connsiteX37" fmla="*/ 233045 w 465138"/>
              <a:gd name="connsiteY37" fmla="*/ 0 h 46513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</a:cxnLst>
            <a:rect l="l" t="t" r="r" b="b"/>
            <a:pathLst>
              <a:path w="465138" h="465138">
                <a:moveTo>
                  <a:pt x="231775" y="23527"/>
                </a:moveTo>
                <a:cubicBezTo>
                  <a:pt x="205423" y="23527"/>
                  <a:pt x="179388" y="28614"/>
                  <a:pt x="153988" y="38470"/>
                </a:cubicBezTo>
                <a:cubicBezTo>
                  <a:pt x="128588" y="48644"/>
                  <a:pt x="105093" y="64541"/>
                  <a:pt x="84455" y="85207"/>
                </a:cubicBezTo>
                <a:cubicBezTo>
                  <a:pt x="64453" y="105236"/>
                  <a:pt x="48895" y="128446"/>
                  <a:pt x="38735" y="154198"/>
                </a:cubicBezTo>
                <a:cubicBezTo>
                  <a:pt x="28575" y="179633"/>
                  <a:pt x="23495" y="206340"/>
                  <a:pt x="23495" y="233046"/>
                </a:cubicBezTo>
                <a:cubicBezTo>
                  <a:pt x="23495" y="260070"/>
                  <a:pt x="28575" y="286777"/>
                  <a:pt x="38735" y="312212"/>
                </a:cubicBezTo>
                <a:cubicBezTo>
                  <a:pt x="48895" y="337964"/>
                  <a:pt x="64453" y="361174"/>
                  <a:pt x="84455" y="381203"/>
                </a:cubicBezTo>
                <a:cubicBezTo>
                  <a:pt x="104458" y="401233"/>
                  <a:pt x="127635" y="416812"/>
                  <a:pt x="153035" y="426986"/>
                </a:cubicBezTo>
                <a:cubicBezTo>
                  <a:pt x="177483" y="436524"/>
                  <a:pt x="202883" y="441929"/>
                  <a:pt x="227965" y="441929"/>
                </a:cubicBezTo>
                <a:cubicBezTo>
                  <a:pt x="229235" y="441929"/>
                  <a:pt x="230505" y="441929"/>
                  <a:pt x="231775" y="441929"/>
                </a:cubicBezTo>
                <a:cubicBezTo>
                  <a:pt x="258128" y="441611"/>
                  <a:pt x="284798" y="436206"/>
                  <a:pt x="310516" y="426032"/>
                </a:cubicBezTo>
                <a:cubicBezTo>
                  <a:pt x="335916" y="415858"/>
                  <a:pt x="359093" y="400280"/>
                  <a:pt x="379413" y="379932"/>
                </a:cubicBezTo>
                <a:cubicBezTo>
                  <a:pt x="400051" y="359266"/>
                  <a:pt x="415608" y="336057"/>
                  <a:pt x="425768" y="310622"/>
                </a:cubicBezTo>
                <a:cubicBezTo>
                  <a:pt x="436246" y="285187"/>
                  <a:pt x="441643" y="258799"/>
                  <a:pt x="441643" y="232410"/>
                </a:cubicBezTo>
                <a:cubicBezTo>
                  <a:pt x="441961" y="206022"/>
                  <a:pt x="436881" y="179633"/>
                  <a:pt x="427038" y="154516"/>
                </a:cubicBezTo>
                <a:cubicBezTo>
                  <a:pt x="417196" y="129081"/>
                  <a:pt x="401956" y="106190"/>
                  <a:pt x="381636" y="86160"/>
                </a:cubicBezTo>
                <a:cubicBezTo>
                  <a:pt x="360998" y="65177"/>
                  <a:pt x="337503" y="49598"/>
                  <a:pt x="311786" y="39106"/>
                </a:cubicBezTo>
                <a:cubicBezTo>
                  <a:pt x="286068" y="28932"/>
                  <a:pt x="259398" y="23527"/>
                  <a:pt x="232728" y="23527"/>
                </a:cubicBezTo>
                <a:cubicBezTo>
                  <a:pt x="232728" y="23527"/>
                  <a:pt x="232728" y="23527"/>
                  <a:pt x="231775" y="23527"/>
                </a:cubicBezTo>
                <a:close/>
                <a:moveTo>
                  <a:pt x="233045" y="0"/>
                </a:moveTo>
                <a:cubicBezTo>
                  <a:pt x="262573" y="0"/>
                  <a:pt x="292101" y="6041"/>
                  <a:pt x="320676" y="17487"/>
                </a:cubicBezTo>
                <a:cubicBezTo>
                  <a:pt x="349251" y="28932"/>
                  <a:pt x="375286" y="46419"/>
                  <a:pt x="398463" y="69628"/>
                </a:cubicBezTo>
                <a:cubicBezTo>
                  <a:pt x="420688" y="91883"/>
                  <a:pt x="437516" y="117636"/>
                  <a:pt x="448628" y="145932"/>
                </a:cubicBezTo>
                <a:cubicBezTo>
                  <a:pt x="459741" y="173910"/>
                  <a:pt x="465138" y="203160"/>
                  <a:pt x="465138" y="232728"/>
                </a:cubicBezTo>
                <a:cubicBezTo>
                  <a:pt x="464821" y="261978"/>
                  <a:pt x="459106" y="291228"/>
                  <a:pt x="447676" y="319524"/>
                </a:cubicBezTo>
                <a:cubicBezTo>
                  <a:pt x="435928" y="347820"/>
                  <a:pt x="418783" y="373891"/>
                  <a:pt x="395923" y="396464"/>
                </a:cubicBezTo>
                <a:cubicBezTo>
                  <a:pt x="373381" y="419038"/>
                  <a:pt x="347663" y="436206"/>
                  <a:pt x="319088" y="447652"/>
                </a:cubicBezTo>
                <a:cubicBezTo>
                  <a:pt x="290513" y="459097"/>
                  <a:pt x="261303" y="464820"/>
                  <a:pt x="231775" y="465138"/>
                </a:cubicBezTo>
                <a:lnTo>
                  <a:pt x="230188" y="465138"/>
                </a:lnTo>
                <a:lnTo>
                  <a:pt x="228600" y="465138"/>
                </a:lnTo>
                <a:cubicBezTo>
                  <a:pt x="200025" y="465138"/>
                  <a:pt x="171768" y="459415"/>
                  <a:pt x="144463" y="448606"/>
                </a:cubicBezTo>
                <a:cubicBezTo>
                  <a:pt x="115888" y="437160"/>
                  <a:pt x="90170" y="419991"/>
                  <a:pt x="67945" y="397736"/>
                </a:cubicBezTo>
                <a:cubicBezTo>
                  <a:pt x="45403" y="375481"/>
                  <a:pt x="28575" y="349410"/>
                  <a:pt x="17145" y="321114"/>
                </a:cubicBezTo>
                <a:cubicBezTo>
                  <a:pt x="5715" y="292500"/>
                  <a:pt x="0" y="262932"/>
                  <a:pt x="0" y="233046"/>
                </a:cubicBezTo>
                <a:cubicBezTo>
                  <a:pt x="0" y="203478"/>
                  <a:pt x="5715" y="173910"/>
                  <a:pt x="17145" y="145296"/>
                </a:cubicBezTo>
                <a:cubicBezTo>
                  <a:pt x="28575" y="116682"/>
                  <a:pt x="45403" y="90929"/>
                  <a:pt x="67945" y="68674"/>
                </a:cubicBezTo>
                <a:cubicBezTo>
                  <a:pt x="90805" y="45783"/>
                  <a:pt x="116840" y="28296"/>
                  <a:pt x="145415" y="16851"/>
                </a:cubicBezTo>
                <a:cubicBezTo>
                  <a:pt x="173673" y="5405"/>
                  <a:pt x="203518" y="0"/>
                  <a:pt x="233045" y="0"/>
                </a:cubicBezTo>
                <a:close/>
              </a:path>
            </a:pathLst>
          </a:custGeom>
          <a:solidFill>
            <a:srgbClr val="CCCCCC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82" name="Frame 18 {PHJU}">
            <a:extLst>
              <a:ext uri="{FF2B5EF4-FFF2-40B4-BE49-F238E27FC236}">
                <a16:creationId xmlns:a16="http://schemas.microsoft.com/office/drawing/2014/main" id="{96BDC127-3C4A-7E18-C1B6-EF44FE2A5F0E}"/>
              </a:ext>
            </a:extLst>
          </p:cNvPr>
          <p:cNvSpPr>
            <a:spLocks noGrp="1" noSelect="1"/>
          </p:cNvSpPr>
          <p:nvPr>
            <p:ph type="body" sz="quarter" idx="51" hasCustomPrompt="1"/>
          </p:nvPr>
        </p:nvSpPr>
        <p:spPr>
          <a:xfrm>
            <a:off x="6124577" y="3522664"/>
            <a:ext cx="85724" cy="195262"/>
          </a:xfrm>
          <a:custGeom>
            <a:avLst/>
            <a:gdLst>
              <a:gd name="connsiteX0" fmla="*/ 42224 w 85724"/>
              <a:gd name="connsiteY0" fmla="*/ 0 h 195262"/>
              <a:gd name="connsiteX1" fmla="*/ 43499 w 85724"/>
              <a:gd name="connsiteY1" fmla="*/ 0 h 195262"/>
              <a:gd name="connsiteX2" fmla="*/ 73183 w 85724"/>
              <a:gd name="connsiteY2" fmla="*/ 12622 h 195262"/>
              <a:gd name="connsiteX3" fmla="*/ 85724 w 85724"/>
              <a:gd name="connsiteY3" fmla="*/ 42503 h 195262"/>
              <a:gd name="connsiteX4" fmla="*/ 85724 w 85724"/>
              <a:gd name="connsiteY4" fmla="*/ 44101 h 195262"/>
              <a:gd name="connsiteX5" fmla="*/ 60007 w 85724"/>
              <a:gd name="connsiteY5" fmla="*/ 82770 h 195262"/>
              <a:gd name="connsiteX6" fmla="*/ 69532 w 85724"/>
              <a:gd name="connsiteY6" fmla="*/ 174170 h 195262"/>
              <a:gd name="connsiteX7" fmla="*/ 42862 w 85724"/>
              <a:gd name="connsiteY7" fmla="*/ 195262 h 195262"/>
              <a:gd name="connsiteX8" fmla="*/ 16509 w 85724"/>
              <a:gd name="connsiteY8" fmla="*/ 174170 h 195262"/>
              <a:gd name="connsiteX9" fmla="*/ 26034 w 85724"/>
              <a:gd name="connsiteY9" fmla="*/ 82770 h 195262"/>
              <a:gd name="connsiteX10" fmla="*/ 7302 w 85724"/>
              <a:gd name="connsiteY10" fmla="*/ 67271 h 195262"/>
              <a:gd name="connsiteX11" fmla="*/ 0 w 85724"/>
              <a:gd name="connsiteY11" fmla="*/ 43146 h 195262"/>
              <a:gd name="connsiteX12" fmla="*/ 0 w 85724"/>
              <a:gd name="connsiteY12" fmla="*/ 43140 h 195262"/>
              <a:gd name="connsiteX13" fmla="*/ 12421 w 85724"/>
              <a:gd name="connsiteY13" fmla="*/ 12822 h 1952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85724" h="195262">
                <a:moveTo>
                  <a:pt x="42224" y="0"/>
                </a:moveTo>
                <a:lnTo>
                  <a:pt x="43499" y="0"/>
                </a:lnTo>
                <a:lnTo>
                  <a:pt x="73183" y="12622"/>
                </a:lnTo>
                <a:cubicBezTo>
                  <a:pt x="80803" y="20292"/>
                  <a:pt x="85565" y="30839"/>
                  <a:pt x="85724" y="42503"/>
                </a:cubicBezTo>
                <a:cubicBezTo>
                  <a:pt x="85724" y="42503"/>
                  <a:pt x="85724" y="42503"/>
                  <a:pt x="85724" y="44101"/>
                </a:cubicBezTo>
                <a:cubicBezTo>
                  <a:pt x="85724" y="61358"/>
                  <a:pt x="74929" y="76379"/>
                  <a:pt x="60007" y="82770"/>
                </a:cubicBezTo>
                <a:cubicBezTo>
                  <a:pt x="60007" y="82770"/>
                  <a:pt x="60007" y="82770"/>
                  <a:pt x="69532" y="174170"/>
                </a:cubicBezTo>
                <a:cubicBezTo>
                  <a:pt x="69532" y="182799"/>
                  <a:pt x="68579" y="195262"/>
                  <a:pt x="42862" y="195262"/>
                </a:cubicBezTo>
                <a:cubicBezTo>
                  <a:pt x="16827" y="195262"/>
                  <a:pt x="16509" y="182799"/>
                  <a:pt x="16509" y="174170"/>
                </a:cubicBezTo>
                <a:cubicBezTo>
                  <a:pt x="16509" y="174170"/>
                  <a:pt x="16509" y="174170"/>
                  <a:pt x="26034" y="82770"/>
                </a:cubicBezTo>
                <a:cubicBezTo>
                  <a:pt x="18414" y="79574"/>
                  <a:pt x="11906" y="74142"/>
                  <a:pt x="7302" y="67271"/>
                </a:cubicBezTo>
                <a:lnTo>
                  <a:pt x="0" y="43146"/>
                </a:lnTo>
                <a:lnTo>
                  <a:pt x="0" y="43140"/>
                </a:lnTo>
                <a:lnTo>
                  <a:pt x="12421" y="12822"/>
                </a:lnTo>
                <a:close/>
              </a:path>
            </a:pathLst>
          </a:custGeom>
          <a:solidFill>
            <a:srgbClr val="CCCCCC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84" name="Frame 19 {PHJU}">
            <a:extLst>
              <a:ext uri="{FF2B5EF4-FFF2-40B4-BE49-F238E27FC236}">
                <a16:creationId xmlns:a16="http://schemas.microsoft.com/office/drawing/2014/main" id="{32A23377-AE68-C699-7175-BF48C517C698}"/>
              </a:ext>
            </a:extLst>
          </p:cNvPr>
          <p:cNvSpPr>
            <a:spLocks noGrp="1" noSelect="1"/>
          </p:cNvSpPr>
          <p:nvPr>
            <p:ph type="body" sz="quarter" idx="52" hasCustomPrompt="1"/>
          </p:nvPr>
        </p:nvSpPr>
        <p:spPr>
          <a:xfrm>
            <a:off x="4924427" y="3249614"/>
            <a:ext cx="741362" cy="741362"/>
          </a:xfrm>
          <a:custGeom>
            <a:avLst/>
            <a:gdLst>
              <a:gd name="connsiteX0" fmla="*/ 70797 w 741362"/>
              <a:gd name="connsiteY0" fmla="*/ 0 h 741362"/>
              <a:gd name="connsiteX1" fmla="*/ 670247 w 741362"/>
              <a:gd name="connsiteY1" fmla="*/ 0 h 741362"/>
              <a:gd name="connsiteX2" fmla="*/ 697964 w 741362"/>
              <a:gd name="connsiteY2" fmla="*/ 5575 h 741362"/>
              <a:gd name="connsiteX3" fmla="*/ 741362 w 741362"/>
              <a:gd name="connsiteY3" fmla="*/ 71119 h 741362"/>
              <a:gd name="connsiteX4" fmla="*/ 741362 w 741362"/>
              <a:gd name="connsiteY4" fmla="*/ 670560 h 741362"/>
              <a:gd name="connsiteX5" fmla="*/ 670242 w 741362"/>
              <a:gd name="connsiteY5" fmla="*/ 741362 h 741362"/>
              <a:gd name="connsiteX6" fmla="*/ 70802 w 741362"/>
              <a:gd name="connsiteY6" fmla="*/ 741362 h 741362"/>
              <a:gd name="connsiteX7" fmla="*/ 5570 w 741362"/>
              <a:gd name="connsiteY7" fmla="*/ 698098 h 741362"/>
              <a:gd name="connsiteX8" fmla="*/ 0 w 741362"/>
              <a:gd name="connsiteY8" fmla="*/ 670565 h 741362"/>
              <a:gd name="connsiteX9" fmla="*/ 0 w 741362"/>
              <a:gd name="connsiteY9" fmla="*/ 71114 h 741362"/>
              <a:gd name="connsiteX10" fmla="*/ 5570 w 741362"/>
              <a:gd name="connsiteY10" fmla="*/ 43397 h 741362"/>
              <a:gd name="connsiteX11" fmla="*/ 43264 w 741362"/>
              <a:gd name="connsiteY11" fmla="*/ 5575 h 7413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741362" h="741362">
                <a:moveTo>
                  <a:pt x="70797" y="0"/>
                </a:moveTo>
                <a:lnTo>
                  <a:pt x="670247" y="0"/>
                </a:lnTo>
                <a:lnTo>
                  <a:pt x="697964" y="5575"/>
                </a:lnTo>
                <a:cubicBezTo>
                  <a:pt x="723503" y="16350"/>
                  <a:pt x="741362" y="41592"/>
                  <a:pt x="741362" y="71119"/>
                </a:cubicBezTo>
                <a:cubicBezTo>
                  <a:pt x="741362" y="670560"/>
                  <a:pt x="741362" y="670560"/>
                  <a:pt x="741362" y="670560"/>
                </a:cubicBezTo>
                <a:cubicBezTo>
                  <a:pt x="741362" y="709612"/>
                  <a:pt x="709612" y="741362"/>
                  <a:pt x="670242" y="741362"/>
                </a:cubicBezTo>
                <a:cubicBezTo>
                  <a:pt x="70802" y="741362"/>
                  <a:pt x="70802" y="741362"/>
                  <a:pt x="70802" y="741362"/>
                </a:cubicBezTo>
                <a:cubicBezTo>
                  <a:pt x="41512" y="741362"/>
                  <a:pt x="16331" y="723503"/>
                  <a:pt x="5570" y="698098"/>
                </a:cubicBezTo>
                <a:lnTo>
                  <a:pt x="0" y="670565"/>
                </a:lnTo>
                <a:lnTo>
                  <a:pt x="0" y="71114"/>
                </a:lnTo>
                <a:lnTo>
                  <a:pt x="5570" y="43397"/>
                </a:lnTo>
                <a:cubicBezTo>
                  <a:pt x="12744" y="26371"/>
                  <a:pt x="26327" y="12759"/>
                  <a:pt x="43264" y="5575"/>
                </a:cubicBezTo>
                <a:close/>
              </a:path>
            </a:pathLst>
          </a:custGeom>
          <a:solidFill>
            <a:srgbClr val="6BC9CC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86" name="Frame 20 {PHJU}">
            <a:extLst>
              <a:ext uri="{FF2B5EF4-FFF2-40B4-BE49-F238E27FC236}">
                <a16:creationId xmlns:a16="http://schemas.microsoft.com/office/drawing/2014/main" id="{76475B7A-C2FC-1D0A-82EB-00999596D374}"/>
              </a:ext>
            </a:extLst>
          </p:cNvPr>
          <p:cNvSpPr>
            <a:spLocks noGrp="1" noSelect="1"/>
          </p:cNvSpPr>
          <p:nvPr>
            <p:ph type="body" sz="quarter" idx="53" hasCustomPrompt="1"/>
          </p:nvPr>
        </p:nvSpPr>
        <p:spPr>
          <a:xfrm>
            <a:off x="5137152" y="3462339"/>
            <a:ext cx="314026" cy="315912"/>
          </a:xfrm>
          <a:custGeom>
            <a:avLst/>
            <a:gdLst>
              <a:gd name="connsiteX0" fmla="*/ 157003 w 314026"/>
              <a:gd name="connsiteY0" fmla="*/ 87576 h 315912"/>
              <a:gd name="connsiteX1" fmla="*/ 167449 w 314026"/>
              <a:gd name="connsiteY1" fmla="*/ 97767 h 315912"/>
              <a:gd name="connsiteX2" fmla="*/ 167449 w 314026"/>
              <a:gd name="connsiteY2" fmla="*/ 147446 h 315912"/>
              <a:gd name="connsiteX3" fmla="*/ 216830 w 314026"/>
              <a:gd name="connsiteY3" fmla="*/ 147446 h 315912"/>
              <a:gd name="connsiteX4" fmla="*/ 226959 w 314026"/>
              <a:gd name="connsiteY4" fmla="*/ 157956 h 315912"/>
              <a:gd name="connsiteX5" fmla="*/ 216830 w 314026"/>
              <a:gd name="connsiteY5" fmla="*/ 168146 h 315912"/>
              <a:gd name="connsiteX6" fmla="*/ 167449 w 314026"/>
              <a:gd name="connsiteY6" fmla="*/ 168146 h 315912"/>
              <a:gd name="connsiteX7" fmla="*/ 167449 w 314026"/>
              <a:gd name="connsiteY7" fmla="*/ 217826 h 315912"/>
              <a:gd name="connsiteX8" fmla="*/ 157003 w 314026"/>
              <a:gd name="connsiteY8" fmla="*/ 228335 h 315912"/>
              <a:gd name="connsiteX9" fmla="*/ 146874 w 314026"/>
              <a:gd name="connsiteY9" fmla="*/ 217826 h 315912"/>
              <a:gd name="connsiteX10" fmla="*/ 146874 w 314026"/>
              <a:gd name="connsiteY10" fmla="*/ 168146 h 315912"/>
              <a:gd name="connsiteX11" fmla="*/ 97494 w 314026"/>
              <a:gd name="connsiteY11" fmla="*/ 168146 h 315912"/>
              <a:gd name="connsiteX12" fmla="*/ 87048 w 314026"/>
              <a:gd name="connsiteY12" fmla="*/ 157956 h 315912"/>
              <a:gd name="connsiteX13" fmla="*/ 97494 w 314026"/>
              <a:gd name="connsiteY13" fmla="*/ 147446 h 315912"/>
              <a:gd name="connsiteX14" fmla="*/ 146874 w 314026"/>
              <a:gd name="connsiteY14" fmla="*/ 147446 h 315912"/>
              <a:gd name="connsiteX15" fmla="*/ 146874 w 314026"/>
              <a:gd name="connsiteY15" fmla="*/ 97767 h 315912"/>
              <a:gd name="connsiteX16" fmla="*/ 157003 w 314026"/>
              <a:gd name="connsiteY16" fmla="*/ 87576 h 315912"/>
              <a:gd name="connsiteX17" fmla="*/ 156687 w 314026"/>
              <a:gd name="connsiteY17" fmla="*/ 20381 h 315912"/>
              <a:gd name="connsiteX18" fmla="*/ 105724 w 314026"/>
              <a:gd name="connsiteY18" fmla="*/ 30571 h 315912"/>
              <a:gd name="connsiteX19" fmla="*/ 60459 w 314026"/>
              <a:gd name="connsiteY19" fmla="*/ 61144 h 315912"/>
              <a:gd name="connsiteX20" fmla="*/ 30704 w 314026"/>
              <a:gd name="connsiteY20" fmla="*/ 106365 h 315912"/>
              <a:gd name="connsiteX21" fmla="*/ 20574 w 314026"/>
              <a:gd name="connsiteY21" fmla="*/ 158274 h 315912"/>
              <a:gd name="connsiteX22" fmla="*/ 30704 w 314026"/>
              <a:gd name="connsiteY22" fmla="*/ 210183 h 315912"/>
              <a:gd name="connsiteX23" fmla="*/ 60459 w 314026"/>
              <a:gd name="connsiteY23" fmla="*/ 255405 h 315912"/>
              <a:gd name="connsiteX24" fmla="*/ 105091 w 314026"/>
              <a:gd name="connsiteY24" fmla="*/ 285340 h 315912"/>
              <a:gd name="connsiteX25" fmla="*/ 156370 w 314026"/>
              <a:gd name="connsiteY25" fmla="*/ 295212 h 315912"/>
              <a:gd name="connsiteX26" fmla="*/ 207967 w 314026"/>
              <a:gd name="connsiteY26" fmla="*/ 284703 h 315912"/>
              <a:gd name="connsiteX27" fmla="*/ 252915 w 314026"/>
              <a:gd name="connsiteY27" fmla="*/ 254449 h 315912"/>
              <a:gd name="connsiteX28" fmla="*/ 283303 w 314026"/>
              <a:gd name="connsiteY28" fmla="*/ 209228 h 315912"/>
              <a:gd name="connsiteX29" fmla="*/ 293749 w 314026"/>
              <a:gd name="connsiteY29" fmla="*/ 157637 h 315912"/>
              <a:gd name="connsiteX30" fmla="*/ 283936 w 314026"/>
              <a:gd name="connsiteY30" fmla="*/ 106365 h 315912"/>
              <a:gd name="connsiteX31" fmla="*/ 254498 w 314026"/>
              <a:gd name="connsiteY31" fmla="*/ 61780 h 315912"/>
              <a:gd name="connsiteX32" fmla="*/ 208916 w 314026"/>
              <a:gd name="connsiteY32" fmla="*/ 30890 h 315912"/>
              <a:gd name="connsiteX33" fmla="*/ 157320 w 314026"/>
              <a:gd name="connsiteY33" fmla="*/ 20381 h 315912"/>
              <a:gd name="connsiteX34" fmla="*/ 156687 w 314026"/>
              <a:gd name="connsiteY34" fmla="*/ 20381 h 315912"/>
              <a:gd name="connsiteX35" fmla="*/ 156682 w 314026"/>
              <a:gd name="connsiteY35" fmla="*/ 0 h 315912"/>
              <a:gd name="connsiteX36" fmla="*/ 157325 w 314026"/>
              <a:gd name="connsiteY36" fmla="*/ 0 h 315912"/>
              <a:gd name="connsiteX37" fmla="*/ 216513 w 314026"/>
              <a:gd name="connsiteY37" fmla="*/ 11782 h 315912"/>
              <a:gd name="connsiteX38" fmla="*/ 269059 w 314026"/>
              <a:gd name="connsiteY38" fmla="*/ 47131 h 315912"/>
              <a:gd name="connsiteX39" fmla="*/ 302929 w 314026"/>
              <a:gd name="connsiteY39" fmla="*/ 99040 h 315912"/>
              <a:gd name="connsiteX40" fmla="*/ 314008 w 314026"/>
              <a:gd name="connsiteY40" fmla="*/ 157956 h 315912"/>
              <a:gd name="connsiteX41" fmla="*/ 302296 w 314026"/>
              <a:gd name="connsiteY41" fmla="*/ 216871 h 315912"/>
              <a:gd name="connsiteX42" fmla="*/ 267476 w 314026"/>
              <a:gd name="connsiteY42" fmla="*/ 269098 h 315912"/>
              <a:gd name="connsiteX43" fmla="*/ 215564 w 314026"/>
              <a:gd name="connsiteY43" fmla="*/ 303811 h 315912"/>
              <a:gd name="connsiteX44" fmla="*/ 156687 w 314026"/>
              <a:gd name="connsiteY44" fmla="*/ 315912 h 315912"/>
              <a:gd name="connsiteX45" fmla="*/ 155104 w 314026"/>
              <a:gd name="connsiteY45" fmla="*/ 315912 h 315912"/>
              <a:gd name="connsiteX46" fmla="*/ 97494 w 314026"/>
              <a:gd name="connsiteY46" fmla="*/ 304448 h 315912"/>
              <a:gd name="connsiteX47" fmla="*/ 45898 w 314026"/>
              <a:gd name="connsiteY47" fmla="*/ 270054 h 315912"/>
              <a:gd name="connsiteX48" fmla="*/ 11395 w 314026"/>
              <a:gd name="connsiteY48" fmla="*/ 217826 h 315912"/>
              <a:gd name="connsiteX49" fmla="*/ 0 w 314026"/>
              <a:gd name="connsiteY49" fmla="*/ 158279 h 315912"/>
              <a:gd name="connsiteX50" fmla="*/ 0 w 314026"/>
              <a:gd name="connsiteY50" fmla="*/ 158269 h 315912"/>
              <a:gd name="connsiteX51" fmla="*/ 11395 w 314026"/>
              <a:gd name="connsiteY51" fmla="*/ 98722 h 315912"/>
              <a:gd name="connsiteX52" fmla="*/ 45898 w 314026"/>
              <a:gd name="connsiteY52" fmla="*/ 46494 h 315912"/>
              <a:gd name="connsiteX53" fmla="*/ 98127 w 314026"/>
              <a:gd name="connsiteY53" fmla="*/ 11464 h 31591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</a:cxnLst>
            <a:rect l="l" t="t" r="r" b="b"/>
            <a:pathLst>
              <a:path w="314026" h="315912">
                <a:moveTo>
                  <a:pt x="157003" y="87576"/>
                </a:moveTo>
                <a:cubicBezTo>
                  <a:pt x="162701" y="87576"/>
                  <a:pt x="167449" y="92034"/>
                  <a:pt x="167449" y="97767"/>
                </a:cubicBezTo>
                <a:cubicBezTo>
                  <a:pt x="167449" y="147446"/>
                  <a:pt x="167449" y="147446"/>
                  <a:pt x="167449" y="147446"/>
                </a:cubicBezTo>
                <a:cubicBezTo>
                  <a:pt x="216830" y="147446"/>
                  <a:pt x="216830" y="147446"/>
                  <a:pt x="216830" y="147446"/>
                </a:cubicBezTo>
                <a:cubicBezTo>
                  <a:pt x="222527" y="147446"/>
                  <a:pt x="226959" y="152223"/>
                  <a:pt x="226959" y="157956"/>
                </a:cubicBezTo>
                <a:cubicBezTo>
                  <a:pt x="226959" y="163688"/>
                  <a:pt x="222527" y="168146"/>
                  <a:pt x="216830" y="168146"/>
                </a:cubicBezTo>
                <a:cubicBezTo>
                  <a:pt x="167449" y="168146"/>
                  <a:pt x="167449" y="168146"/>
                  <a:pt x="167449" y="168146"/>
                </a:cubicBezTo>
                <a:cubicBezTo>
                  <a:pt x="167449" y="217826"/>
                  <a:pt x="167449" y="217826"/>
                  <a:pt x="167449" y="217826"/>
                </a:cubicBezTo>
                <a:cubicBezTo>
                  <a:pt x="167449" y="223559"/>
                  <a:pt x="162701" y="228335"/>
                  <a:pt x="157003" y="228335"/>
                </a:cubicBezTo>
                <a:cubicBezTo>
                  <a:pt x="151306" y="228335"/>
                  <a:pt x="146874" y="223559"/>
                  <a:pt x="146874" y="217826"/>
                </a:cubicBezTo>
                <a:cubicBezTo>
                  <a:pt x="146874" y="168146"/>
                  <a:pt x="146874" y="168146"/>
                  <a:pt x="146874" y="168146"/>
                </a:cubicBezTo>
                <a:cubicBezTo>
                  <a:pt x="97494" y="168146"/>
                  <a:pt x="97494" y="168146"/>
                  <a:pt x="97494" y="168146"/>
                </a:cubicBezTo>
                <a:cubicBezTo>
                  <a:pt x="91796" y="168146"/>
                  <a:pt x="87048" y="163688"/>
                  <a:pt x="87048" y="157956"/>
                </a:cubicBezTo>
                <a:cubicBezTo>
                  <a:pt x="87048" y="152223"/>
                  <a:pt x="91796" y="147446"/>
                  <a:pt x="97494" y="147446"/>
                </a:cubicBezTo>
                <a:cubicBezTo>
                  <a:pt x="146874" y="147446"/>
                  <a:pt x="146874" y="147446"/>
                  <a:pt x="146874" y="147446"/>
                </a:cubicBezTo>
                <a:cubicBezTo>
                  <a:pt x="146874" y="97767"/>
                  <a:pt x="146874" y="97767"/>
                  <a:pt x="146874" y="97767"/>
                </a:cubicBezTo>
                <a:cubicBezTo>
                  <a:pt x="146874" y="92034"/>
                  <a:pt x="151306" y="87576"/>
                  <a:pt x="157003" y="87576"/>
                </a:cubicBezTo>
                <a:close/>
                <a:moveTo>
                  <a:pt x="156687" y="20381"/>
                </a:moveTo>
                <a:cubicBezTo>
                  <a:pt x="139277" y="20381"/>
                  <a:pt x="122184" y="23884"/>
                  <a:pt x="105724" y="30571"/>
                </a:cubicBezTo>
                <a:cubicBezTo>
                  <a:pt x="89264" y="37259"/>
                  <a:pt x="73753" y="47450"/>
                  <a:pt x="60459" y="61144"/>
                </a:cubicBezTo>
                <a:cubicBezTo>
                  <a:pt x="47164" y="74200"/>
                  <a:pt x="37351" y="89487"/>
                  <a:pt x="30704" y="106365"/>
                </a:cubicBezTo>
                <a:cubicBezTo>
                  <a:pt x="23740" y="122925"/>
                  <a:pt x="20574" y="140440"/>
                  <a:pt x="20574" y="158274"/>
                </a:cubicBezTo>
                <a:cubicBezTo>
                  <a:pt x="20574" y="175789"/>
                  <a:pt x="23740" y="193305"/>
                  <a:pt x="30704" y="210183"/>
                </a:cubicBezTo>
                <a:cubicBezTo>
                  <a:pt x="37351" y="227062"/>
                  <a:pt x="47164" y="242348"/>
                  <a:pt x="60459" y="255405"/>
                </a:cubicBezTo>
                <a:cubicBezTo>
                  <a:pt x="73437" y="268780"/>
                  <a:pt x="88631" y="278652"/>
                  <a:pt x="105091" y="285340"/>
                </a:cubicBezTo>
                <a:cubicBezTo>
                  <a:pt x="121867" y="292028"/>
                  <a:pt x="138961" y="295212"/>
                  <a:pt x="156370" y="295212"/>
                </a:cubicBezTo>
                <a:cubicBezTo>
                  <a:pt x="173780" y="295212"/>
                  <a:pt x="191190" y="291709"/>
                  <a:pt x="207967" y="284703"/>
                </a:cubicBezTo>
                <a:cubicBezTo>
                  <a:pt x="224427" y="278015"/>
                  <a:pt x="239621" y="267825"/>
                  <a:pt x="252915" y="254449"/>
                </a:cubicBezTo>
                <a:cubicBezTo>
                  <a:pt x="266527" y="241074"/>
                  <a:pt x="276656" y="225788"/>
                  <a:pt x="283303" y="209228"/>
                </a:cubicBezTo>
                <a:cubicBezTo>
                  <a:pt x="289951" y="192349"/>
                  <a:pt x="293433" y="175153"/>
                  <a:pt x="293749" y="157637"/>
                </a:cubicBezTo>
                <a:cubicBezTo>
                  <a:pt x="293749" y="140440"/>
                  <a:pt x="290584" y="123243"/>
                  <a:pt x="283936" y="106365"/>
                </a:cubicBezTo>
                <a:cubicBezTo>
                  <a:pt x="277606" y="89805"/>
                  <a:pt x="267793" y="74837"/>
                  <a:pt x="254498" y="61780"/>
                </a:cubicBezTo>
                <a:cubicBezTo>
                  <a:pt x="240887" y="48087"/>
                  <a:pt x="225693" y="37577"/>
                  <a:pt x="208916" y="30890"/>
                </a:cubicBezTo>
                <a:cubicBezTo>
                  <a:pt x="192139" y="24202"/>
                  <a:pt x="174730" y="20699"/>
                  <a:pt x="157320" y="20381"/>
                </a:cubicBezTo>
                <a:cubicBezTo>
                  <a:pt x="157003" y="20381"/>
                  <a:pt x="156687" y="20381"/>
                  <a:pt x="156687" y="20381"/>
                </a:cubicBezTo>
                <a:close/>
                <a:moveTo>
                  <a:pt x="156682" y="0"/>
                </a:moveTo>
                <a:lnTo>
                  <a:pt x="157325" y="0"/>
                </a:lnTo>
                <a:lnTo>
                  <a:pt x="216513" y="11782"/>
                </a:lnTo>
                <a:cubicBezTo>
                  <a:pt x="235822" y="19744"/>
                  <a:pt x="253548" y="31527"/>
                  <a:pt x="269059" y="47131"/>
                </a:cubicBezTo>
                <a:cubicBezTo>
                  <a:pt x="284253" y="62417"/>
                  <a:pt x="295648" y="79933"/>
                  <a:pt x="302929" y="99040"/>
                </a:cubicBezTo>
                <a:cubicBezTo>
                  <a:pt x="310526" y="118148"/>
                  <a:pt x="314324" y="137893"/>
                  <a:pt x="314008" y="157956"/>
                </a:cubicBezTo>
                <a:cubicBezTo>
                  <a:pt x="314008" y="177700"/>
                  <a:pt x="309893" y="197763"/>
                  <a:pt x="302296" y="216871"/>
                </a:cubicBezTo>
                <a:cubicBezTo>
                  <a:pt x="294382" y="235979"/>
                  <a:pt x="282670" y="253812"/>
                  <a:pt x="267476" y="269098"/>
                </a:cubicBezTo>
                <a:cubicBezTo>
                  <a:pt x="252282" y="284385"/>
                  <a:pt x="234556" y="296168"/>
                  <a:pt x="215564" y="303811"/>
                </a:cubicBezTo>
                <a:cubicBezTo>
                  <a:pt x="196255" y="311772"/>
                  <a:pt x="176629" y="315594"/>
                  <a:pt x="156687" y="315912"/>
                </a:cubicBezTo>
                <a:cubicBezTo>
                  <a:pt x="156054" y="315912"/>
                  <a:pt x="155737" y="315912"/>
                  <a:pt x="155104" y="315912"/>
                </a:cubicBezTo>
                <a:cubicBezTo>
                  <a:pt x="135479" y="315912"/>
                  <a:pt x="116170" y="312091"/>
                  <a:pt x="97494" y="304448"/>
                </a:cubicBezTo>
                <a:cubicBezTo>
                  <a:pt x="78501" y="296804"/>
                  <a:pt x="61092" y="285021"/>
                  <a:pt x="45898" y="270054"/>
                </a:cubicBezTo>
                <a:cubicBezTo>
                  <a:pt x="30704" y="254768"/>
                  <a:pt x="19308" y="237252"/>
                  <a:pt x="11395" y="217826"/>
                </a:cubicBezTo>
                <a:lnTo>
                  <a:pt x="0" y="158279"/>
                </a:lnTo>
                <a:lnTo>
                  <a:pt x="0" y="158269"/>
                </a:lnTo>
                <a:lnTo>
                  <a:pt x="11395" y="98722"/>
                </a:lnTo>
                <a:cubicBezTo>
                  <a:pt x="19308" y="79296"/>
                  <a:pt x="30704" y="61780"/>
                  <a:pt x="45898" y="46494"/>
                </a:cubicBezTo>
                <a:cubicBezTo>
                  <a:pt x="61408" y="30890"/>
                  <a:pt x="78818" y="19107"/>
                  <a:pt x="98127" y="11464"/>
                </a:cubicBezTo>
                <a:close/>
              </a:path>
            </a:pathLst>
          </a:custGeom>
          <a:solidFill>
            <a:srgbClr val="000000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88" name="Frame 21 {PHJU}">
            <a:extLst>
              <a:ext uri="{FF2B5EF4-FFF2-40B4-BE49-F238E27FC236}">
                <a16:creationId xmlns:a16="http://schemas.microsoft.com/office/drawing/2014/main" id="{8EB41851-E4DF-8A8A-80D0-A3F9B53BB9E5}"/>
              </a:ext>
            </a:extLst>
          </p:cNvPr>
          <p:cNvSpPr>
            <a:spLocks noGrp="1" noSelect="1"/>
          </p:cNvSpPr>
          <p:nvPr>
            <p:ph type="body" sz="quarter" idx="54" hasCustomPrompt="1"/>
          </p:nvPr>
        </p:nvSpPr>
        <p:spPr>
          <a:xfrm>
            <a:off x="9094789" y="3224214"/>
            <a:ext cx="735012" cy="733424"/>
          </a:xfrm>
          <a:custGeom>
            <a:avLst/>
            <a:gdLst>
              <a:gd name="connsiteX0" fmla="*/ 89289 w 735012"/>
              <a:gd name="connsiteY0" fmla="*/ 0 h 733424"/>
              <a:gd name="connsiteX1" fmla="*/ 645722 w 735012"/>
              <a:gd name="connsiteY1" fmla="*/ 0 h 733424"/>
              <a:gd name="connsiteX2" fmla="*/ 680583 w 735012"/>
              <a:gd name="connsiteY2" fmla="*/ 7007 h 733424"/>
              <a:gd name="connsiteX3" fmla="*/ 735012 w 735012"/>
              <a:gd name="connsiteY3" fmla="*/ 89062 h 733424"/>
              <a:gd name="connsiteX4" fmla="*/ 735012 w 735012"/>
              <a:gd name="connsiteY4" fmla="*/ 644361 h 733424"/>
              <a:gd name="connsiteX5" fmla="*/ 645717 w 735012"/>
              <a:gd name="connsiteY5" fmla="*/ 733424 h 733424"/>
              <a:gd name="connsiteX6" fmla="*/ 65461 w 735012"/>
              <a:gd name="connsiteY6" fmla="*/ 733424 h 733424"/>
              <a:gd name="connsiteX7" fmla="*/ 5133 w 735012"/>
              <a:gd name="connsiteY7" fmla="*/ 693444 h 733424"/>
              <a:gd name="connsiteX8" fmla="*/ 0 w 735012"/>
              <a:gd name="connsiteY8" fmla="*/ 667820 h 733424"/>
              <a:gd name="connsiteX9" fmla="*/ 0 w 735012"/>
              <a:gd name="connsiteY9" fmla="*/ 89057 h 733424"/>
              <a:gd name="connsiteX10" fmla="*/ 7025 w 735012"/>
              <a:gd name="connsiteY10" fmla="*/ 54421 h 733424"/>
              <a:gd name="connsiteX11" fmla="*/ 54562 w 735012"/>
              <a:gd name="connsiteY11" fmla="*/ 7007 h 7334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735012" h="733424">
                <a:moveTo>
                  <a:pt x="89289" y="0"/>
                </a:moveTo>
                <a:lnTo>
                  <a:pt x="645722" y="0"/>
                </a:lnTo>
                <a:lnTo>
                  <a:pt x="680583" y="7007"/>
                </a:lnTo>
                <a:cubicBezTo>
                  <a:pt x="712668" y="20541"/>
                  <a:pt x="735012" y="52217"/>
                  <a:pt x="735012" y="89062"/>
                </a:cubicBezTo>
                <a:cubicBezTo>
                  <a:pt x="735012" y="644361"/>
                  <a:pt x="735012" y="644361"/>
                  <a:pt x="735012" y="644361"/>
                </a:cubicBezTo>
                <a:cubicBezTo>
                  <a:pt x="735012" y="693488"/>
                  <a:pt x="695290" y="733424"/>
                  <a:pt x="645717" y="733424"/>
                </a:cubicBezTo>
                <a:cubicBezTo>
                  <a:pt x="65461" y="733424"/>
                  <a:pt x="65461" y="733424"/>
                  <a:pt x="65461" y="733424"/>
                </a:cubicBezTo>
                <a:cubicBezTo>
                  <a:pt x="38291" y="733424"/>
                  <a:pt x="15054" y="717022"/>
                  <a:pt x="5133" y="693444"/>
                </a:cubicBezTo>
                <a:lnTo>
                  <a:pt x="0" y="667820"/>
                </a:lnTo>
                <a:lnTo>
                  <a:pt x="0" y="89057"/>
                </a:lnTo>
                <a:lnTo>
                  <a:pt x="7025" y="54421"/>
                </a:lnTo>
                <a:cubicBezTo>
                  <a:pt x="16072" y="33116"/>
                  <a:pt x="33202" y="16030"/>
                  <a:pt x="54562" y="7007"/>
                </a:cubicBezTo>
                <a:close/>
              </a:path>
            </a:pathLst>
          </a:custGeom>
          <a:solidFill>
            <a:srgbClr val="365FF8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90" name="Frame 22 {PHJU}">
            <a:extLst>
              <a:ext uri="{FF2B5EF4-FFF2-40B4-BE49-F238E27FC236}">
                <a16:creationId xmlns:a16="http://schemas.microsoft.com/office/drawing/2014/main" id="{F45696A3-CE5A-DE12-473D-727D2258F954}"/>
              </a:ext>
            </a:extLst>
          </p:cNvPr>
          <p:cNvSpPr>
            <a:spLocks noGrp="1" noSelect="1"/>
          </p:cNvSpPr>
          <p:nvPr>
            <p:ph type="body" sz="quarter" idx="55" hasCustomPrompt="1"/>
          </p:nvPr>
        </p:nvSpPr>
        <p:spPr>
          <a:xfrm>
            <a:off x="9231313" y="3357563"/>
            <a:ext cx="465138" cy="465138"/>
          </a:xfrm>
          <a:custGeom>
            <a:avLst/>
            <a:gdLst>
              <a:gd name="connsiteX0" fmla="*/ 232728 w 465138"/>
              <a:gd name="connsiteY0" fmla="*/ 135665 h 465138"/>
              <a:gd name="connsiteX1" fmla="*/ 275590 w 465138"/>
              <a:gd name="connsiteY1" fmla="*/ 178557 h 465138"/>
              <a:gd name="connsiteX2" fmla="*/ 249555 w 465138"/>
              <a:gd name="connsiteY2" fmla="*/ 217954 h 465138"/>
              <a:gd name="connsiteX3" fmla="*/ 259080 w 465138"/>
              <a:gd name="connsiteY3" fmla="*/ 308504 h 465138"/>
              <a:gd name="connsiteX4" fmla="*/ 232728 w 465138"/>
              <a:gd name="connsiteY4" fmla="*/ 329473 h 465138"/>
              <a:gd name="connsiteX5" fmla="*/ 206058 w 465138"/>
              <a:gd name="connsiteY5" fmla="*/ 308504 h 465138"/>
              <a:gd name="connsiteX6" fmla="*/ 215583 w 465138"/>
              <a:gd name="connsiteY6" fmla="*/ 217954 h 465138"/>
              <a:gd name="connsiteX7" fmla="*/ 189865 w 465138"/>
              <a:gd name="connsiteY7" fmla="*/ 178557 h 465138"/>
              <a:gd name="connsiteX8" fmla="*/ 232728 w 465138"/>
              <a:gd name="connsiteY8" fmla="*/ 135665 h 465138"/>
              <a:gd name="connsiteX9" fmla="*/ 231775 w 465138"/>
              <a:gd name="connsiteY9" fmla="*/ 23511 h 465138"/>
              <a:gd name="connsiteX10" fmla="*/ 153988 w 465138"/>
              <a:gd name="connsiteY10" fmla="*/ 38762 h 465138"/>
              <a:gd name="connsiteX11" fmla="*/ 84455 w 465138"/>
              <a:gd name="connsiteY11" fmla="*/ 85148 h 465138"/>
              <a:gd name="connsiteX12" fmla="*/ 38735 w 465138"/>
              <a:gd name="connsiteY12" fmla="*/ 154093 h 465138"/>
              <a:gd name="connsiteX13" fmla="*/ 23495 w 465138"/>
              <a:gd name="connsiteY13" fmla="*/ 233205 h 465138"/>
              <a:gd name="connsiteX14" fmla="*/ 38735 w 465138"/>
              <a:gd name="connsiteY14" fmla="*/ 312316 h 465138"/>
              <a:gd name="connsiteX15" fmla="*/ 84455 w 465138"/>
              <a:gd name="connsiteY15" fmla="*/ 380943 h 465138"/>
              <a:gd name="connsiteX16" fmla="*/ 153353 w 465138"/>
              <a:gd name="connsiteY16" fmla="*/ 426694 h 465138"/>
              <a:gd name="connsiteX17" fmla="*/ 231775 w 465138"/>
              <a:gd name="connsiteY17" fmla="*/ 441627 h 465138"/>
              <a:gd name="connsiteX18" fmla="*/ 310515 w 465138"/>
              <a:gd name="connsiteY18" fmla="*/ 425741 h 465138"/>
              <a:gd name="connsiteX19" fmla="*/ 379730 w 465138"/>
              <a:gd name="connsiteY19" fmla="*/ 379672 h 465138"/>
              <a:gd name="connsiteX20" fmla="*/ 426085 w 465138"/>
              <a:gd name="connsiteY20" fmla="*/ 310728 h 465138"/>
              <a:gd name="connsiteX21" fmla="*/ 441643 w 465138"/>
              <a:gd name="connsiteY21" fmla="*/ 232251 h 465138"/>
              <a:gd name="connsiteX22" fmla="*/ 427038 w 465138"/>
              <a:gd name="connsiteY22" fmla="*/ 154411 h 465138"/>
              <a:gd name="connsiteX23" fmla="*/ 381953 w 465138"/>
              <a:gd name="connsiteY23" fmla="*/ 86101 h 465138"/>
              <a:gd name="connsiteX24" fmla="*/ 311785 w 465138"/>
              <a:gd name="connsiteY24" fmla="*/ 39397 h 465138"/>
              <a:gd name="connsiteX25" fmla="*/ 232728 w 465138"/>
              <a:gd name="connsiteY25" fmla="*/ 23511 h 465138"/>
              <a:gd name="connsiteX26" fmla="*/ 231775 w 465138"/>
              <a:gd name="connsiteY26" fmla="*/ 23511 h 465138"/>
              <a:gd name="connsiteX27" fmla="*/ 233045 w 465138"/>
              <a:gd name="connsiteY27" fmla="*/ 0 h 465138"/>
              <a:gd name="connsiteX28" fmla="*/ 320675 w 465138"/>
              <a:gd name="connsiteY28" fmla="*/ 17475 h 465138"/>
              <a:gd name="connsiteX29" fmla="*/ 398463 w 465138"/>
              <a:gd name="connsiteY29" fmla="*/ 69580 h 465138"/>
              <a:gd name="connsiteX30" fmla="*/ 448628 w 465138"/>
              <a:gd name="connsiteY30" fmla="*/ 145832 h 465138"/>
              <a:gd name="connsiteX31" fmla="*/ 465138 w 465138"/>
              <a:gd name="connsiteY31" fmla="*/ 232569 h 465138"/>
              <a:gd name="connsiteX32" fmla="*/ 447675 w 465138"/>
              <a:gd name="connsiteY32" fmla="*/ 319306 h 465138"/>
              <a:gd name="connsiteX33" fmla="*/ 396240 w 465138"/>
              <a:gd name="connsiteY33" fmla="*/ 396194 h 465138"/>
              <a:gd name="connsiteX34" fmla="*/ 319088 w 465138"/>
              <a:gd name="connsiteY34" fmla="*/ 447664 h 465138"/>
              <a:gd name="connsiteX35" fmla="*/ 231775 w 465138"/>
              <a:gd name="connsiteY35" fmla="*/ 465138 h 465138"/>
              <a:gd name="connsiteX36" fmla="*/ 229870 w 465138"/>
              <a:gd name="connsiteY36" fmla="*/ 465138 h 465138"/>
              <a:gd name="connsiteX37" fmla="*/ 144463 w 465138"/>
              <a:gd name="connsiteY37" fmla="*/ 448299 h 465138"/>
              <a:gd name="connsiteX38" fmla="*/ 67945 w 465138"/>
              <a:gd name="connsiteY38" fmla="*/ 397464 h 465138"/>
              <a:gd name="connsiteX39" fmla="*/ 17145 w 465138"/>
              <a:gd name="connsiteY39" fmla="*/ 320895 h 465138"/>
              <a:gd name="connsiteX40" fmla="*/ 0 w 465138"/>
              <a:gd name="connsiteY40" fmla="*/ 233205 h 465138"/>
              <a:gd name="connsiteX41" fmla="*/ 17145 w 465138"/>
              <a:gd name="connsiteY41" fmla="*/ 145197 h 465138"/>
              <a:gd name="connsiteX42" fmla="*/ 67945 w 465138"/>
              <a:gd name="connsiteY42" fmla="*/ 68627 h 465138"/>
              <a:gd name="connsiteX43" fmla="*/ 145415 w 465138"/>
              <a:gd name="connsiteY43" fmla="*/ 16839 h 465138"/>
              <a:gd name="connsiteX44" fmla="*/ 233045 w 465138"/>
              <a:gd name="connsiteY44" fmla="*/ 0 h 46513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</a:cxnLst>
            <a:rect l="l" t="t" r="r" b="b"/>
            <a:pathLst>
              <a:path w="465138" h="465138">
                <a:moveTo>
                  <a:pt x="232728" y="135665"/>
                </a:moveTo>
                <a:cubicBezTo>
                  <a:pt x="256223" y="135665"/>
                  <a:pt x="275590" y="154728"/>
                  <a:pt x="275590" y="178557"/>
                </a:cubicBezTo>
                <a:cubicBezTo>
                  <a:pt x="275590" y="196032"/>
                  <a:pt x="264795" y="211282"/>
                  <a:pt x="249555" y="217954"/>
                </a:cubicBezTo>
                <a:cubicBezTo>
                  <a:pt x="259080" y="308504"/>
                  <a:pt x="259080" y="308504"/>
                  <a:pt x="259080" y="308504"/>
                </a:cubicBezTo>
                <a:cubicBezTo>
                  <a:pt x="259080" y="317082"/>
                  <a:pt x="258445" y="329473"/>
                  <a:pt x="232728" y="329473"/>
                </a:cubicBezTo>
                <a:cubicBezTo>
                  <a:pt x="206375" y="329473"/>
                  <a:pt x="206058" y="317082"/>
                  <a:pt x="206058" y="308504"/>
                </a:cubicBezTo>
                <a:cubicBezTo>
                  <a:pt x="215583" y="217954"/>
                  <a:pt x="215583" y="217954"/>
                  <a:pt x="215583" y="217954"/>
                </a:cubicBezTo>
                <a:cubicBezTo>
                  <a:pt x="200343" y="211282"/>
                  <a:pt x="189865" y="196032"/>
                  <a:pt x="189865" y="178557"/>
                </a:cubicBezTo>
                <a:cubicBezTo>
                  <a:pt x="189865" y="154728"/>
                  <a:pt x="208915" y="135665"/>
                  <a:pt x="232728" y="135665"/>
                </a:cubicBezTo>
                <a:close/>
                <a:moveTo>
                  <a:pt x="231775" y="23511"/>
                </a:moveTo>
                <a:cubicBezTo>
                  <a:pt x="205423" y="23511"/>
                  <a:pt x="179388" y="28595"/>
                  <a:pt x="153988" y="38762"/>
                </a:cubicBezTo>
                <a:cubicBezTo>
                  <a:pt x="128588" y="48929"/>
                  <a:pt x="105093" y="64497"/>
                  <a:pt x="84455" y="85148"/>
                </a:cubicBezTo>
                <a:cubicBezTo>
                  <a:pt x="64453" y="105165"/>
                  <a:pt x="48895" y="128358"/>
                  <a:pt x="38735" y="154093"/>
                </a:cubicBezTo>
                <a:cubicBezTo>
                  <a:pt x="28575" y="179510"/>
                  <a:pt x="23495" y="206199"/>
                  <a:pt x="23495" y="233205"/>
                </a:cubicBezTo>
                <a:cubicBezTo>
                  <a:pt x="23495" y="259893"/>
                  <a:pt x="28575" y="286581"/>
                  <a:pt x="38735" y="312316"/>
                </a:cubicBezTo>
                <a:cubicBezTo>
                  <a:pt x="48895" y="337734"/>
                  <a:pt x="64453" y="360927"/>
                  <a:pt x="84455" y="380943"/>
                </a:cubicBezTo>
                <a:cubicBezTo>
                  <a:pt x="104458" y="401277"/>
                  <a:pt x="127635" y="416527"/>
                  <a:pt x="153353" y="426694"/>
                </a:cubicBezTo>
                <a:cubicBezTo>
                  <a:pt x="178753" y="436861"/>
                  <a:pt x="205105" y="441627"/>
                  <a:pt x="231775" y="441627"/>
                </a:cubicBezTo>
                <a:cubicBezTo>
                  <a:pt x="258128" y="441309"/>
                  <a:pt x="284798" y="435908"/>
                  <a:pt x="310515" y="425741"/>
                </a:cubicBezTo>
                <a:cubicBezTo>
                  <a:pt x="335915" y="415574"/>
                  <a:pt x="359093" y="400006"/>
                  <a:pt x="379730" y="379672"/>
                </a:cubicBezTo>
                <a:cubicBezTo>
                  <a:pt x="400050" y="359338"/>
                  <a:pt x="415608" y="336145"/>
                  <a:pt x="426085" y="310728"/>
                </a:cubicBezTo>
                <a:cubicBezTo>
                  <a:pt x="436245" y="284992"/>
                  <a:pt x="441643" y="258622"/>
                  <a:pt x="441643" y="232251"/>
                </a:cubicBezTo>
                <a:cubicBezTo>
                  <a:pt x="441960" y="205881"/>
                  <a:pt x="436880" y="179828"/>
                  <a:pt x="427038" y="154411"/>
                </a:cubicBezTo>
                <a:cubicBezTo>
                  <a:pt x="417195" y="129311"/>
                  <a:pt x="401955" y="106118"/>
                  <a:pt x="381953" y="86101"/>
                </a:cubicBezTo>
                <a:cubicBezTo>
                  <a:pt x="360998" y="65450"/>
                  <a:pt x="337503" y="49564"/>
                  <a:pt x="311785" y="39397"/>
                </a:cubicBezTo>
                <a:cubicBezTo>
                  <a:pt x="286068" y="28912"/>
                  <a:pt x="259715" y="23511"/>
                  <a:pt x="232728" y="23511"/>
                </a:cubicBezTo>
                <a:cubicBezTo>
                  <a:pt x="232410" y="23511"/>
                  <a:pt x="232093" y="23511"/>
                  <a:pt x="231775" y="23511"/>
                </a:cubicBezTo>
                <a:close/>
                <a:moveTo>
                  <a:pt x="233045" y="0"/>
                </a:moveTo>
                <a:cubicBezTo>
                  <a:pt x="262573" y="318"/>
                  <a:pt x="292100" y="6037"/>
                  <a:pt x="320675" y="17475"/>
                </a:cubicBezTo>
                <a:cubicBezTo>
                  <a:pt x="349250" y="29230"/>
                  <a:pt x="375285" y="46705"/>
                  <a:pt x="398463" y="69580"/>
                </a:cubicBezTo>
                <a:cubicBezTo>
                  <a:pt x="420688" y="92138"/>
                  <a:pt x="437833" y="117555"/>
                  <a:pt x="448628" y="145832"/>
                </a:cubicBezTo>
                <a:cubicBezTo>
                  <a:pt x="459741" y="174109"/>
                  <a:pt x="465138" y="203021"/>
                  <a:pt x="465138" y="232569"/>
                </a:cubicBezTo>
                <a:cubicBezTo>
                  <a:pt x="465138" y="261799"/>
                  <a:pt x="459105" y="291029"/>
                  <a:pt x="447675" y="319306"/>
                </a:cubicBezTo>
                <a:cubicBezTo>
                  <a:pt x="435928" y="347583"/>
                  <a:pt x="418783" y="373636"/>
                  <a:pt x="396240" y="396194"/>
                </a:cubicBezTo>
                <a:cubicBezTo>
                  <a:pt x="373380" y="418751"/>
                  <a:pt x="347663" y="436226"/>
                  <a:pt x="319088" y="447664"/>
                </a:cubicBezTo>
                <a:cubicBezTo>
                  <a:pt x="290830" y="458784"/>
                  <a:pt x="261303" y="464820"/>
                  <a:pt x="231775" y="465138"/>
                </a:cubicBezTo>
                <a:lnTo>
                  <a:pt x="229870" y="465138"/>
                </a:lnTo>
                <a:cubicBezTo>
                  <a:pt x="200978" y="465138"/>
                  <a:pt x="172403" y="459419"/>
                  <a:pt x="144463" y="448299"/>
                </a:cubicBezTo>
                <a:cubicBezTo>
                  <a:pt x="116205" y="437179"/>
                  <a:pt x="90170" y="420022"/>
                  <a:pt x="67945" y="397464"/>
                </a:cubicBezTo>
                <a:cubicBezTo>
                  <a:pt x="45403" y="375224"/>
                  <a:pt x="28575" y="349489"/>
                  <a:pt x="17145" y="320895"/>
                </a:cubicBezTo>
                <a:cubicBezTo>
                  <a:pt x="5715" y="292618"/>
                  <a:pt x="0" y="263070"/>
                  <a:pt x="0" y="233205"/>
                </a:cubicBezTo>
                <a:cubicBezTo>
                  <a:pt x="0" y="203339"/>
                  <a:pt x="5715" y="173791"/>
                  <a:pt x="17145" y="145197"/>
                </a:cubicBezTo>
                <a:cubicBezTo>
                  <a:pt x="28575" y="116920"/>
                  <a:pt x="45720" y="91185"/>
                  <a:pt x="67945" y="68627"/>
                </a:cubicBezTo>
                <a:cubicBezTo>
                  <a:pt x="90805" y="45751"/>
                  <a:pt x="116840" y="28277"/>
                  <a:pt x="145415" y="16839"/>
                </a:cubicBezTo>
                <a:cubicBezTo>
                  <a:pt x="173990" y="5719"/>
                  <a:pt x="203200" y="318"/>
                  <a:pt x="233045" y="0"/>
                </a:cubicBezTo>
                <a:close/>
              </a:path>
            </a:pathLst>
          </a:custGeom>
          <a:solidFill>
            <a:srgbClr val="000000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92" name="Frame 23 {PHJU}">
            <a:extLst>
              <a:ext uri="{FF2B5EF4-FFF2-40B4-BE49-F238E27FC236}">
                <a16:creationId xmlns:a16="http://schemas.microsoft.com/office/drawing/2014/main" id="{E28BFE38-F6DA-8B3D-08CC-7FBFFF6C803A}"/>
              </a:ext>
            </a:extLst>
          </p:cNvPr>
          <p:cNvSpPr>
            <a:spLocks noGrp="1" noSelect="1"/>
          </p:cNvSpPr>
          <p:nvPr>
            <p:ph type="body" sz="quarter" idx="56" hasCustomPrompt="1"/>
          </p:nvPr>
        </p:nvSpPr>
        <p:spPr>
          <a:xfrm>
            <a:off x="8223252" y="3221039"/>
            <a:ext cx="739774" cy="739774"/>
          </a:xfrm>
          <a:custGeom>
            <a:avLst/>
            <a:gdLst>
              <a:gd name="connsiteX0" fmla="*/ 73024 w 739774"/>
              <a:gd name="connsiteY0" fmla="*/ 5397 h 739774"/>
              <a:gd name="connsiteX1" fmla="*/ 5397 w 739774"/>
              <a:gd name="connsiteY1" fmla="*/ 73024 h 739774"/>
              <a:gd name="connsiteX2" fmla="*/ 5397 w 739774"/>
              <a:gd name="connsiteY2" fmla="*/ 667067 h 739774"/>
              <a:gd name="connsiteX3" fmla="*/ 73024 w 739774"/>
              <a:gd name="connsiteY3" fmla="*/ 734694 h 739774"/>
              <a:gd name="connsiteX4" fmla="*/ 667066 w 739774"/>
              <a:gd name="connsiteY4" fmla="*/ 734694 h 739774"/>
              <a:gd name="connsiteX5" fmla="*/ 734694 w 739774"/>
              <a:gd name="connsiteY5" fmla="*/ 667067 h 739774"/>
              <a:gd name="connsiteX6" fmla="*/ 734694 w 739774"/>
              <a:gd name="connsiteY6" fmla="*/ 73024 h 739774"/>
              <a:gd name="connsiteX7" fmla="*/ 667066 w 739774"/>
              <a:gd name="connsiteY7" fmla="*/ 5397 h 739774"/>
              <a:gd name="connsiteX8" fmla="*/ 73019 w 739774"/>
              <a:gd name="connsiteY8" fmla="*/ 0 h 739774"/>
              <a:gd name="connsiteX9" fmla="*/ 667071 w 739774"/>
              <a:gd name="connsiteY9" fmla="*/ 0 h 739774"/>
              <a:gd name="connsiteX10" fmla="*/ 695304 w 739774"/>
              <a:gd name="connsiteY10" fmla="*/ 5739 h 739774"/>
              <a:gd name="connsiteX11" fmla="*/ 739774 w 739774"/>
              <a:gd name="connsiteY11" fmla="*/ 73024 h 739774"/>
              <a:gd name="connsiteX12" fmla="*/ 739774 w 739774"/>
              <a:gd name="connsiteY12" fmla="*/ 667067 h 739774"/>
              <a:gd name="connsiteX13" fmla="*/ 667066 w 739774"/>
              <a:gd name="connsiteY13" fmla="*/ 739774 h 739774"/>
              <a:gd name="connsiteX14" fmla="*/ 73024 w 739774"/>
              <a:gd name="connsiteY14" fmla="*/ 739774 h 739774"/>
              <a:gd name="connsiteX15" fmla="*/ 5739 w 739774"/>
              <a:gd name="connsiteY15" fmla="*/ 695304 h 739774"/>
              <a:gd name="connsiteX16" fmla="*/ 0 w 739774"/>
              <a:gd name="connsiteY16" fmla="*/ 667072 h 739774"/>
              <a:gd name="connsiteX17" fmla="*/ 0 w 739774"/>
              <a:gd name="connsiteY17" fmla="*/ 73019 h 739774"/>
              <a:gd name="connsiteX18" fmla="*/ 5739 w 739774"/>
              <a:gd name="connsiteY18" fmla="*/ 44603 h 739774"/>
              <a:gd name="connsiteX19" fmla="*/ 44603 w 739774"/>
              <a:gd name="connsiteY19" fmla="*/ 5739 h 73977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739774" h="739774">
                <a:moveTo>
                  <a:pt x="73024" y="5397"/>
                </a:moveTo>
                <a:cubicBezTo>
                  <a:pt x="35559" y="5397"/>
                  <a:pt x="5397" y="35559"/>
                  <a:pt x="5397" y="73024"/>
                </a:cubicBezTo>
                <a:cubicBezTo>
                  <a:pt x="5397" y="667067"/>
                  <a:pt x="5397" y="667067"/>
                  <a:pt x="5397" y="667067"/>
                </a:cubicBezTo>
                <a:cubicBezTo>
                  <a:pt x="5397" y="704214"/>
                  <a:pt x="35559" y="734694"/>
                  <a:pt x="73024" y="734694"/>
                </a:cubicBezTo>
                <a:cubicBezTo>
                  <a:pt x="667066" y="734694"/>
                  <a:pt x="667066" y="734694"/>
                  <a:pt x="667066" y="734694"/>
                </a:cubicBezTo>
                <a:cubicBezTo>
                  <a:pt x="704214" y="734694"/>
                  <a:pt x="734694" y="704214"/>
                  <a:pt x="734694" y="667067"/>
                </a:cubicBezTo>
                <a:cubicBezTo>
                  <a:pt x="734694" y="73024"/>
                  <a:pt x="734694" y="73024"/>
                  <a:pt x="734694" y="73024"/>
                </a:cubicBezTo>
                <a:cubicBezTo>
                  <a:pt x="734694" y="35559"/>
                  <a:pt x="704214" y="5397"/>
                  <a:pt x="667066" y="5397"/>
                </a:cubicBezTo>
                <a:close/>
                <a:moveTo>
                  <a:pt x="73019" y="0"/>
                </a:moveTo>
                <a:lnTo>
                  <a:pt x="667071" y="0"/>
                </a:lnTo>
                <a:lnTo>
                  <a:pt x="695304" y="5739"/>
                </a:lnTo>
                <a:cubicBezTo>
                  <a:pt x="721379" y="16827"/>
                  <a:pt x="739774" y="42782"/>
                  <a:pt x="739774" y="73024"/>
                </a:cubicBezTo>
                <a:cubicBezTo>
                  <a:pt x="739774" y="667067"/>
                  <a:pt x="739774" y="667067"/>
                  <a:pt x="739774" y="667067"/>
                </a:cubicBezTo>
                <a:cubicBezTo>
                  <a:pt x="739774" y="707072"/>
                  <a:pt x="707072" y="739774"/>
                  <a:pt x="667066" y="739774"/>
                </a:cubicBezTo>
                <a:cubicBezTo>
                  <a:pt x="73024" y="739774"/>
                  <a:pt x="73024" y="739774"/>
                  <a:pt x="73024" y="739774"/>
                </a:cubicBezTo>
                <a:cubicBezTo>
                  <a:pt x="42782" y="739774"/>
                  <a:pt x="16827" y="721379"/>
                  <a:pt x="5739" y="695304"/>
                </a:cubicBezTo>
                <a:lnTo>
                  <a:pt x="0" y="667072"/>
                </a:lnTo>
                <a:lnTo>
                  <a:pt x="0" y="73019"/>
                </a:lnTo>
                <a:lnTo>
                  <a:pt x="5739" y="44603"/>
                </a:lnTo>
                <a:cubicBezTo>
                  <a:pt x="13131" y="27131"/>
                  <a:pt x="27131" y="13131"/>
                  <a:pt x="44603" y="5739"/>
                </a:cubicBezTo>
                <a:close/>
              </a:path>
            </a:pathLst>
          </a:custGeom>
          <a:solidFill>
            <a:srgbClr val="CCCCCC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94" name="Frame 24 {PHJU}">
            <a:extLst>
              <a:ext uri="{FF2B5EF4-FFF2-40B4-BE49-F238E27FC236}">
                <a16:creationId xmlns:a16="http://schemas.microsoft.com/office/drawing/2014/main" id="{6EA996A0-A6A2-6CA2-454B-08FC7EB081EA}"/>
              </a:ext>
            </a:extLst>
          </p:cNvPr>
          <p:cNvSpPr>
            <a:spLocks noGrp="1" noSelect="1"/>
          </p:cNvSpPr>
          <p:nvPr>
            <p:ph type="body" sz="quarter" idx="57" hasCustomPrompt="1"/>
          </p:nvPr>
        </p:nvSpPr>
        <p:spPr>
          <a:xfrm>
            <a:off x="8432802" y="3432176"/>
            <a:ext cx="314025" cy="315912"/>
          </a:xfrm>
          <a:custGeom>
            <a:avLst/>
            <a:gdLst>
              <a:gd name="connsiteX0" fmla="*/ 157003 w 314025"/>
              <a:gd name="connsiteY0" fmla="*/ 89168 h 315912"/>
              <a:gd name="connsiteX1" fmla="*/ 167449 w 314025"/>
              <a:gd name="connsiteY1" fmla="*/ 99359 h 315912"/>
              <a:gd name="connsiteX2" fmla="*/ 167449 w 314025"/>
              <a:gd name="connsiteY2" fmla="*/ 147765 h 315912"/>
              <a:gd name="connsiteX3" fmla="*/ 215247 w 314025"/>
              <a:gd name="connsiteY3" fmla="*/ 147765 h 315912"/>
              <a:gd name="connsiteX4" fmla="*/ 225693 w 314025"/>
              <a:gd name="connsiteY4" fmla="*/ 157956 h 315912"/>
              <a:gd name="connsiteX5" fmla="*/ 215247 w 314025"/>
              <a:gd name="connsiteY5" fmla="*/ 168146 h 315912"/>
              <a:gd name="connsiteX6" fmla="*/ 167449 w 314025"/>
              <a:gd name="connsiteY6" fmla="*/ 168146 h 315912"/>
              <a:gd name="connsiteX7" fmla="*/ 167449 w 314025"/>
              <a:gd name="connsiteY7" fmla="*/ 216552 h 315912"/>
              <a:gd name="connsiteX8" fmla="*/ 157003 w 314025"/>
              <a:gd name="connsiteY8" fmla="*/ 226743 h 315912"/>
              <a:gd name="connsiteX9" fmla="*/ 146874 w 314025"/>
              <a:gd name="connsiteY9" fmla="*/ 216552 h 315912"/>
              <a:gd name="connsiteX10" fmla="*/ 146874 w 314025"/>
              <a:gd name="connsiteY10" fmla="*/ 168146 h 315912"/>
              <a:gd name="connsiteX11" fmla="*/ 98760 w 314025"/>
              <a:gd name="connsiteY11" fmla="*/ 168146 h 315912"/>
              <a:gd name="connsiteX12" fmla="*/ 88630 w 314025"/>
              <a:gd name="connsiteY12" fmla="*/ 157956 h 315912"/>
              <a:gd name="connsiteX13" fmla="*/ 98760 w 314025"/>
              <a:gd name="connsiteY13" fmla="*/ 147765 h 315912"/>
              <a:gd name="connsiteX14" fmla="*/ 146874 w 314025"/>
              <a:gd name="connsiteY14" fmla="*/ 147765 h 315912"/>
              <a:gd name="connsiteX15" fmla="*/ 146874 w 314025"/>
              <a:gd name="connsiteY15" fmla="*/ 99359 h 315912"/>
              <a:gd name="connsiteX16" fmla="*/ 157003 w 314025"/>
              <a:gd name="connsiteY16" fmla="*/ 89168 h 315912"/>
              <a:gd name="connsiteX17" fmla="*/ 156687 w 314025"/>
              <a:gd name="connsiteY17" fmla="*/ 20699 h 315912"/>
              <a:gd name="connsiteX18" fmla="*/ 105724 w 314025"/>
              <a:gd name="connsiteY18" fmla="*/ 30571 h 315912"/>
              <a:gd name="connsiteX19" fmla="*/ 60458 w 314025"/>
              <a:gd name="connsiteY19" fmla="*/ 61144 h 315912"/>
              <a:gd name="connsiteX20" fmla="*/ 30703 w 314025"/>
              <a:gd name="connsiteY20" fmla="*/ 106365 h 315912"/>
              <a:gd name="connsiteX21" fmla="*/ 20574 w 314025"/>
              <a:gd name="connsiteY21" fmla="*/ 158274 h 315912"/>
              <a:gd name="connsiteX22" fmla="*/ 30703 w 314025"/>
              <a:gd name="connsiteY22" fmla="*/ 210183 h 315912"/>
              <a:gd name="connsiteX23" fmla="*/ 60458 w 314025"/>
              <a:gd name="connsiteY23" fmla="*/ 255405 h 315912"/>
              <a:gd name="connsiteX24" fmla="*/ 105407 w 314025"/>
              <a:gd name="connsiteY24" fmla="*/ 285340 h 315912"/>
              <a:gd name="connsiteX25" fmla="*/ 156370 w 314025"/>
              <a:gd name="connsiteY25" fmla="*/ 295212 h 315912"/>
              <a:gd name="connsiteX26" fmla="*/ 207966 w 314025"/>
              <a:gd name="connsiteY26" fmla="*/ 285021 h 315912"/>
              <a:gd name="connsiteX27" fmla="*/ 253232 w 314025"/>
              <a:gd name="connsiteY27" fmla="*/ 254449 h 315912"/>
              <a:gd name="connsiteX28" fmla="*/ 283303 w 314025"/>
              <a:gd name="connsiteY28" fmla="*/ 209228 h 315912"/>
              <a:gd name="connsiteX29" fmla="*/ 293749 w 314025"/>
              <a:gd name="connsiteY29" fmla="*/ 157956 h 315912"/>
              <a:gd name="connsiteX30" fmla="*/ 283936 w 314025"/>
              <a:gd name="connsiteY30" fmla="*/ 106683 h 315912"/>
              <a:gd name="connsiteX31" fmla="*/ 254498 w 314025"/>
              <a:gd name="connsiteY31" fmla="*/ 61780 h 315912"/>
              <a:gd name="connsiteX32" fmla="*/ 208916 w 314025"/>
              <a:gd name="connsiteY32" fmla="*/ 30890 h 315912"/>
              <a:gd name="connsiteX33" fmla="*/ 157320 w 314025"/>
              <a:gd name="connsiteY33" fmla="*/ 20699 h 315912"/>
              <a:gd name="connsiteX34" fmla="*/ 156687 w 314025"/>
              <a:gd name="connsiteY34" fmla="*/ 20699 h 315912"/>
              <a:gd name="connsiteX35" fmla="*/ 156682 w 314025"/>
              <a:gd name="connsiteY35" fmla="*/ 0 h 315912"/>
              <a:gd name="connsiteX36" fmla="*/ 157325 w 314025"/>
              <a:gd name="connsiteY36" fmla="*/ 0 h 315912"/>
              <a:gd name="connsiteX37" fmla="*/ 216513 w 314025"/>
              <a:gd name="connsiteY37" fmla="*/ 11782 h 315912"/>
              <a:gd name="connsiteX38" fmla="*/ 269059 w 314025"/>
              <a:gd name="connsiteY38" fmla="*/ 47131 h 315912"/>
              <a:gd name="connsiteX39" fmla="*/ 302929 w 314025"/>
              <a:gd name="connsiteY39" fmla="*/ 99040 h 315912"/>
              <a:gd name="connsiteX40" fmla="*/ 314007 w 314025"/>
              <a:gd name="connsiteY40" fmla="*/ 157956 h 315912"/>
              <a:gd name="connsiteX41" fmla="*/ 302295 w 314025"/>
              <a:gd name="connsiteY41" fmla="*/ 216871 h 315912"/>
              <a:gd name="connsiteX42" fmla="*/ 267476 w 314025"/>
              <a:gd name="connsiteY42" fmla="*/ 269098 h 315912"/>
              <a:gd name="connsiteX43" fmla="*/ 215563 w 314025"/>
              <a:gd name="connsiteY43" fmla="*/ 304129 h 315912"/>
              <a:gd name="connsiteX44" fmla="*/ 156687 w 314025"/>
              <a:gd name="connsiteY44" fmla="*/ 315912 h 315912"/>
              <a:gd name="connsiteX45" fmla="*/ 155104 w 314025"/>
              <a:gd name="connsiteY45" fmla="*/ 315912 h 315912"/>
              <a:gd name="connsiteX46" fmla="*/ 97810 w 314025"/>
              <a:gd name="connsiteY46" fmla="*/ 304766 h 315912"/>
              <a:gd name="connsiteX47" fmla="*/ 45897 w 314025"/>
              <a:gd name="connsiteY47" fmla="*/ 270054 h 315912"/>
              <a:gd name="connsiteX48" fmla="*/ 11711 w 314025"/>
              <a:gd name="connsiteY48" fmla="*/ 217826 h 315912"/>
              <a:gd name="connsiteX49" fmla="*/ 0 w 314025"/>
              <a:gd name="connsiteY49" fmla="*/ 158279 h 315912"/>
              <a:gd name="connsiteX50" fmla="*/ 0 w 314025"/>
              <a:gd name="connsiteY50" fmla="*/ 158269 h 315912"/>
              <a:gd name="connsiteX51" fmla="*/ 11711 w 314025"/>
              <a:gd name="connsiteY51" fmla="*/ 98722 h 315912"/>
              <a:gd name="connsiteX52" fmla="*/ 45897 w 314025"/>
              <a:gd name="connsiteY52" fmla="*/ 46494 h 315912"/>
              <a:gd name="connsiteX53" fmla="*/ 98127 w 314025"/>
              <a:gd name="connsiteY53" fmla="*/ 11464 h 31591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</a:cxnLst>
            <a:rect l="l" t="t" r="r" b="b"/>
            <a:pathLst>
              <a:path w="314025" h="315912">
                <a:moveTo>
                  <a:pt x="157003" y="89168"/>
                </a:moveTo>
                <a:cubicBezTo>
                  <a:pt x="162701" y="89168"/>
                  <a:pt x="167449" y="93627"/>
                  <a:pt x="167449" y="99359"/>
                </a:cubicBezTo>
                <a:cubicBezTo>
                  <a:pt x="167449" y="147765"/>
                  <a:pt x="167449" y="147765"/>
                  <a:pt x="167449" y="147765"/>
                </a:cubicBezTo>
                <a:cubicBezTo>
                  <a:pt x="215247" y="147765"/>
                  <a:pt x="215247" y="147765"/>
                  <a:pt x="215247" y="147765"/>
                </a:cubicBezTo>
                <a:cubicBezTo>
                  <a:pt x="220944" y="147765"/>
                  <a:pt x="225693" y="152223"/>
                  <a:pt x="225693" y="157956"/>
                </a:cubicBezTo>
                <a:cubicBezTo>
                  <a:pt x="225693" y="163688"/>
                  <a:pt x="220944" y="168146"/>
                  <a:pt x="215247" y="168146"/>
                </a:cubicBezTo>
                <a:cubicBezTo>
                  <a:pt x="167449" y="168146"/>
                  <a:pt x="167449" y="168146"/>
                  <a:pt x="167449" y="168146"/>
                </a:cubicBezTo>
                <a:cubicBezTo>
                  <a:pt x="167449" y="216552"/>
                  <a:pt x="167449" y="216552"/>
                  <a:pt x="167449" y="216552"/>
                </a:cubicBezTo>
                <a:cubicBezTo>
                  <a:pt x="167449" y="222285"/>
                  <a:pt x="162701" y="226743"/>
                  <a:pt x="157003" y="226743"/>
                </a:cubicBezTo>
                <a:cubicBezTo>
                  <a:pt x="151306" y="226743"/>
                  <a:pt x="146874" y="222285"/>
                  <a:pt x="146874" y="216552"/>
                </a:cubicBezTo>
                <a:cubicBezTo>
                  <a:pt x="146874" y="168146"/>
                  <a:pt x="146874" y="168146"/>
                  <a:pt x="146874" y="168146"/>
                </a:cubicBezTo>
                <a:cubicBezTo>
                  <a:pt x="98760" y="168146"/>
                  <a:pt x="98760" y="168146"/>
                  <a:pt x="98760" y="168146"/>
                </a:cubicBezTo>
                <a:cubicBezTo>
                  <a:pt x="93062" y="168146"/>
                  <a:pt x="88630" y="163688"/>
                  <a:pt x="88630" y="157956"/>
                </a:cubicBezTo>
                <a:cubicBezTo>
                  <a:pt x="88630" y="152223"/>
                  <a:pt x="93062" y="147765"/>
                  <a:pt x="98760" y="147765"/>
                </a:cubicBezTo>
                <a:cubicBezTo>
                  <a:pt x="146874" y="147765"/>
                  <a:pt x="146874" y="147765"/>
                  <a:pt x="146874" y="147765"/>
                </a:cubicBezTo>
                <a:cubicBezTo>
                  <a:pt x="146874" y="99359"/>
                  <a:pt x="146874" y="99359"/>
                  <a:pt x="146874" y="99359"/>
                </a:cubicBezTo>
                <a:cubicBezTo>
                  <a:pt x="146874" y="93627"/>
                  <a:pt x="151306" y="89168"/>
                  <a:pt x="157003" y="89168"/>
                </a:cubicBezTo>
                <a:close/>
                <a:moveTo>
                  <a:pt x="156687" y="20699"/>
                </a:moveTo>
                <a:cubicBezTo>
                  <a:pt x="139277" y="20699"/>
                  <a:pt x="122184" y="23884"/>
                  <a:pt x="105724" y="30571"/>
                </a:cubicBezTo>
                <a:cubicBezTo>
                  <a:pt x="89264" y="37259"/>
                  <a:pt x="73753" y="47450"/>
                  <a:pt x="60458" y="61144"/>
                </a:cubicBezTo>
                <a:cubicBezTo>
                  <a:pt x="47164" y="74519"/>
                  <a:pt x="37351" y="89487"/>
                  <a:pt x="30703" y="106365"/>
                </a:cubicBezTo>
                <a:cubicBezTo>
                  <a:pt x="24056" y="123243"/>
                  <a:pt x="20574" y="140759"/>
                  <a:pt x="20574" y="158274"/>
                </a:cubicBezTo>
                <a:cubicBezTo>
                  <a:pt x="20574" y="176108"/>
                  <a:pt x="24056" y="193305"/>
                  <a:pt x="30703" y="210183"/>
                </a:cubicBezTo>
                <a:cubicBezTo>
                  <a:pt x="37351" y="227062"/>
                  <a:pt x="47164" y="242348"/>
                  <a:pt x="60458" y="255405"/>
                </a:cubicBezTo>
                <a:cubicBezTo>
                  <a:pt x="73436" y="268780"/>
                  <a:pt x="88630" y="278971"/>
                  <a:pt x="105407" y="285340"/>
                </a:cubicBezTo>
                <a:cubicBezTo>
                  <a:pt x="121867" y="292346"/>
                  <a:pt x="139277" y="295212"/>
                  <a:pt x="156370" y="295212"/>
                </a:cubicBezTo>
                <a:cubicBezTo>
                  <a:pt x="173780" y="295212"/>
                  <a:pt x="191190" y="291709"/>
                  <a:pt x="207966" y="285021"/>
                </a:cubicBezTo>
                <a:cubicBezTo>
                  <a:pt x="224426" y="278334"/>
                  <a:pt x="239620" y="268143"/>
                  <a:pt x="253232" y="254449"/>
                </a:cubicBezTo>
                <a:cubicBezTo>
                  <a:pt x="266526" y="241074"/>
                  <a:pt x="276656" y="225788"/>
                  <a:pt x="283303" y="209228"/>
                </a:cubicBezTo>
                <a:cubicBezTo>
                  <a:pt x="289950" y="192349"/>
                  <a:pt x="293432" y="175153"/>
                  <a:pt x="293749" y="157956"/>
                </a:cubicBezTo>
                <a:cubicBezTo>
                  <a:pt x="293749" y="140440"/>
                  <a:pt x="290583" y="123243"/>
                  <a:pt x="283936" y="106683"/>
                </a:cubicBezTo>
                <a:cubicBezTo>
                  <a:pt x="277605" y="90124"/>
                  <a:pt x="267792" y="74837"/>
                  <a:pt x="254498" y="61780"/>
                </a:cubicBezTo>
                <a:cubicBezTo>
                  <a:pt x="240887" y="48087"/>
                  <a:pt x="225693" y="37896"/>
                  <a:pt x="208916" y="30890"/>
                </a:cubicBezTo>
                <a:cubicBezTo>
                  <a:pt x="192139" y="24202"/>
                  <a:pt x="174730" y="20699"/>
                  <a:pt x="157320" y="20699"/>
                </a:cubicBezTo>
                <a:cubicBezTo>
                  <a:pt x="157003" y="20699"/>
                  <a:pt x="156687" y="20699"/>
                  <a:pt x="156687" y="20699"/>
                </a:cubicBezTo>
                <a:close/>
                <a:moveTo>
                  <a:pt x="156682" y="0"/>
                </a:moveTo>
                <a:lnTo>
                  <a:pt x="157325" y="0"/>
                </a:lnTo>
                <a:lnTo>
                  <a:pt x="216513" y="11782"/>
                </a:lnTo>
                <a:cubicBezTo>
                  <a:pt x="235822" y="19744"/>
                  <a:pt x="253548" y="31527"/>
                  <a:pt x="269059" y="47131"/>
                </a:cubicBezTo>
                <a:cubicBezTo>
                  <a:pt x="284253" y="62417"/>
                  <a:pt x="295648" y="79933"/>
                  <a:pt x="302929" y="99040"/>
                </a:cubicBezTo>
                <a:cubicBezTo>
                  <a:pt x="310526" y="118148"/>
                  <a:pt x="314324" y="137893"/>
                  <a:pt x="314007" y="157956"/>
                </a:cubicBezTo>
                <a:cubicBezTo>
                  <a:pt x="314007" y="178019"/>
                  <a:pt x="309892" y="197763"/>
                  <a:pt x="302295" y="216871"/>
                </a:cubicBezTo>
                <a:cubicBezTo>
                  <a:pt x="294382" y="236297"/>
                  <a:pt x="282986" y="253812"/>
                  <a:pt x="267476" y="269098"/>
                </a:cubicBezTo>
                <a:cubicBezTo>
                  <a:pt x="252282" y="284703"/>
                  <a:pt x="234556" y="296168"/>
                  <a:pt x="215563" y="304129"/>
                </a:cubicBezTo>
                <a:cubicBezTo>
                  <a:pt x="196254" y="311772"/>
                  <a:pt x="176629" y="315594"/>
                  <a:pt x="156687" y="315912"/>
                </a:cubicBezTo>
                <a:cubicBezTo>
                  <a:pt x="156054" y="315912"/>
                  <a:pt x="155421" y="315912"/>
                  <a:pt x="155104" y="315912"/>
                </a:cubicBezTo>
                <a:cubicBezTo>
                  <a:pt x="135478" y="315912"/>
                  <a:pt x="116486" y="312091"/>
                  <a:pt x="97810" y="304766"/>
                </a:cubicBezTo>
                <a:cubicBezTo>
                  <a:pt x="78501" y="296804"/>
                  <a:pt x="61091" y="285340"/>
                  <a:pt x="45897" y="270054"/>
                </a:cubicBezTo>
                <a:cubicBezTo>
                  <a:pt x="30703" y="254768"/>
                  <a:pt x="19308" y="237252"/>
                  <a:pt x="11711" y="217826"/>
                </a:cubicBezTo>
                <a:lnTo>
                  <a:pt x="0" y="158279"/>
                </a:lnTo>
                <a:lnTo>
                  <a:pt x="0" y="158269"/>
                </a:lnTo>
                <a:lnTo>
                  <a:pt x="11711" y="98722"/>
                </a:lnTo>
                <a:cubicBezTo>
                  <a:pt x="19308" y="79296"/>
                  <a:pt x="30703" y="61780"/>
                  <a:pt x="45897" y="46494"/>
                </a:cubicBezTo>
                <a:cubicBezTo>
                  <a:pt x="61408" y="30890"/>
                  <a:pt x="79134" y="19107"/>
                  <a:pt x="98127" y="11464"/>
                </a:cubicBezTo>
                <a:close/>
              </a:path>
            </a:pathLst>
          </a:custGeom>
          <a:solidFill>
            <a:srgbClr val="000000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96" name="Frame 25 {PHJU}">
            <a:extLst>
              <a:ext uri="{FF2B5EF4-FFF2-40B4-BE49-F238E27FC236}">
                <a16:creationId xmlns:a16="http://schemas.microsoft.com/office/drawing/2014/main" id="{2EEB943A-63DE-E696-465C-5EE8339263D4}"/>
              </a:ext>
            </a:extLst>
          </p:cNvPr>
          <p:cNvSpPr>
            <a:spLocks noGrp="1" noSelect="1"/>
          </p:cNvSpPr>
          <p:nvPr>
            <p:ph type="body" sz="quarter" idx="58" hasCustomPrompt="1"/>
          </p:nvPr>
        </p:nvSpPr>
        <p:spPr>
          <a:xfrm>
            <a:off x="2032002" y="3473451"/>
            <a:ext cx="315912" cy="315912"/>
          </a:xfrm>
          <a:custGeom>
            <a:avLst/>
            <a:gdLst>
              <a:gd name="connsiteX0" fmla="*/ 157478 w 315912"/>
              <a:gd name="connsiteY0" fmla="*/ 20699 h 315912"/>
              <a:gd name="connsiteX1" fmla="*/ 106576 w 315912"/>
              <a:gd name="connsiteY1" fmla="*/ 30571 h 315912"/>
              <a:gd name="connsiteX2" fmla="*/ 60764 w 315912"/>
              <a:gd name="connsiteY2" fmla="*/ 61144 h 315912"/>
              <a:gd name="connsiteX3" fmla="*/ 30859 w 315912"/>
              <a:gd name="connsiteY3" fmla="*/ 106365 h 315912"/>
              <a:gd name="connsiteX4" fmla="*/ 20678 w 315912"/>
              <a:gd name="connsiteY4" fmla="*/ 158274 h 315912"/>
              <a:gd name="connsiteX5" fmla="*/ 30859 w 315912"/>
              <a:gd name="connsiteY5" fmla="*/ 210502 h 315912"/>
              <a:gd name="connsiteX6" fmla="*/ 60764 w 315912"/>
              <a:gd name="connsiteY6" fmla="*/ 255723 h 315912"/>
              <a:gd name="connsiteX7" fmla="*/ 105940 w 315912"/>
              <a:gd name="connsiteY7" fmla="*/ 285658 h 315912"/>
              <a:gd name="connsiteX8" fmla="*/ 155888 w 315912"/>
              <a:gd name="connsiteY8" fmla="*/ 295531 h 315912"/>
              <a:gd name="connsiteX9" fmla="*/ 157478 w 315912"/>
              <a:gd name="connsiteY9" fmla="*/ 295531 h 315912"/>
              <a:gd name="connsiteX10" fmla="*/ 209017 w 315912"/>
              <a:gd name="connsiteY10" fmla="*/ 285021 h 315912"/>
              <a:gd name="connsiteX11" fmla="*/ 254511 w 315912"/>
              <a:gd name="connsiteY11" fmla="*/ 254768 h 315912"/>
              <a:gd name="connsiteX12" fmla="*/ 284734 w 315912"/>
              <a:gd name="connsiteY12" fmla="*/ 209228 h 315912"/>
              <a:gd name="connsiteX13" fmla="*/ 295233 w 315912"/>
              <a:gd name="connsiteY13" fmla="*/ 157956 h 315912"/>
              <a:gd name="connsiteX14" fmla="*/ 295233 w 315912"/>
              <a:gd name="connsiteY14" fmla="*/ 157319 h 315912"/>
              <a:gd name="connsiteX15" fmla="*/ 285689 w 315912"/>
              <a:gd name="connsiteY15" fmla="*/ 106683 h 315912"/>
              <a:gd name="connsiteX16" fmla="*/ 255784 w 315912"/>
              <a:gd name="connsiteY16" fmla="*/ 61780 h 315912"/>
              <a:gd name="connsiteX17" fmla="*/ 209972 w 315912"/>
              <a:gd name="connsiteY17" fmla="*/ 31208 h 315912"/>
              <a:gd name="connsiteX18" fmla="*/ 158115 w 315912"/>
              <a:gd name="connsiteY18" fmla="*/ 20699 h 315912"/>
              <a:gd name="connsiteX19" fmla="*/ 157478 w 315912"/>
              <a:gd name="connsiteY19" fmla="*/ 20699 h 315912"/>
              <a:gd name="connsiteX20" fmla="*/ 157473 w 315912"/>
              <a:gd name="connsiteY20" fmla="*/ 0 h 315912"/>
              <a:gd name="connsiteX21" fmla="*/ 158120 w 315912"/>
              <a:gd name="connsiteY21" fmla="*/ 0 h 315912"/>
              <a:gd name="connsiteX22" fmla="*/ 217607 w 315912"/>
              <a:gd name="connsiteY22" fmla="*/ 12101 h 315912"/>
              <a:gd name="connsiteX23" fmla="*/ 270418 w 315912"/>
              <a:gd name="connsiteY23" fmla="*/ 47131 h 315912"/>
              <a:gd name="connsiteX24" fmla="*/ 304777 w 315912"/>
              <a:gd name="connsiteY24" fmla="*/ 99040 h 315912"/>
              <a:gd name="connsiteX25" fmla="*/ 315912 w 315912"/>
              <a:gd name="connsiteY25" fmla="*/ 157319 h 315912"/>
              <a:gd name="connsiteX26" fmla="*/ 315912 w 315912"/>
              <a:gd name="connsiteY26" fmla="*/ 157956 h 315912"/>
              <a:gd name="connsiteX27" fmla="*/ 303823 w 315912"/>
              <a:gd name="connsiteY27" fmla="*/ 217189 h 315912"/>
              <a:gd name="connsiteX28" fmla="*/ 268827 w 315912"/>
              <a:gd name="connsiteY28" fmla="*/ 269417 h 315912"/>
              <a:gd name="connsiteX29" fmla="*/ 216652 w 315912"/>
              <a:gd name="connsiteY29" fmla="*/ 304129 h 315912"/>
              <a:gd name="connsiteX30" fmla="*/ 157478 w 315912"/>
              <a:gd name="connsiteY30" fmla="*/ 315912 h 315912"/>
              <a:gd name="connsiteX31" fmla="*/ 155888 w 315912"/>
              <a:gd name="connsiteY31" fmla="*/ 315912 h 315912"/>
              <a:gd name="connsiteX32" fmla="*/ 98304 w 315912"/>
              <a:gd name="connsiteY32" fmla="*/ 304766 h 315912"/>
              <a:gd name="connsiteX33" fmla="*/ 46129 w 315912"/>
              <a:gd name="connsiteY33" fmla="*/ 270054 h 315912"/>
              <a:gd name="connsiteX34" fmla="*/ 11770 w 315912"/>
              <a:gd name="connsiteY34" fmla="*/ 218145 h 315912"/>
              <a:gd name="connsiteX35" fmla="*/ 0 w 315912"/>
              <a:gd name="connsiteY35" fmla="*/ 158279 h 315912"/>
              <a:gd name="connsiteX36" fmla="*/ 0 w 315912"/>
              <a:gd name="connsiteY36" fmla="*/ 158269 h 315912"/>
              <a:gd name="connsiteX37" fmla="*/ 11770 w 315912"/>
              <a:gd name="connsiteY37" fmla="*/ 98722 h 315912"/>
              <a:gd name="connsiteX38" fmla="*/ 46129 w 315912"/>
              <a:gd name="connsiteY38" fmla="*/ 46813 h 315912"/>
              <a:gd name="connsiteX39" fmla="*/ 98941 w 315912"/>
              <a:gd name="connsiteY39" fmla="*/ 11464 h 31591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</a:cxnLst>
            <a:rect l="l" t="t" r="r" b="b"/>
            <a:pathLst>
              <a:path w="315912" h="315912">
                <a:moveTo>
                  <a:pt x="157478" y="20699"/>
                </a:moveTo>
                <a:cubicBezTo>
                  <a:pt x="139981" y="20699"/>
                  <a:pt x="123119" y="23884"/>
                  <a:pt x="106576" y="30571"/>
                </a:cubicBezTo>
                <a:cubicBezTo>
                  <a:pt x="89715" y="37259"/>
                  <a:pt x="74444" y="47450"/>
                  <a:pt x="60764" y="61144"/>
                </a:cubicBezTo>
                <a:cubicBezTo>
                  <a:pt x="47402" y="74519"/>
                  <a:pt x="37540" y="89487"/>
                  <a:pt x="30859" y="106365"/>
                </a:cubicBezTo>
                <a:cubicBezTo>
                  <a:pt x="24178" y="123562"/>
                  <a:pt x="20678" y="140759"/>
                  <a:pt x="20678" y="158274"/>
                </a:cubicBezTo>
                <a:cubicBezTo>
                  <a:pt x="20678" y="176108"/>
                  <a:pt x="24178" y="193305"/>
                  <a:pt x="30859" y="210502"/>
                </a:cubicBezTo>
                <a:cubicBezTo>
                  <a:pt x="37540" y="227380"/>
                  <a:pt x="47402" y="242348"/>
                  <a:pt x="60764" y="255723"/>
                </a:cubicBezTo>
                <a:cubicBezTo>
                  <a:pt x="74126" y="269098"/>
                  <a:pt x="89078" y="278971"/>
                  <a:pt x="105940" y="285658"/>
                </a:cubicBezTo>
                <a:cubicBezTo>
                  <a:pt x="122483" y="292346"/>
                  <a:pt x="139026" y="295531"/>
                  <a:pt x="155888" y="295531"/>
                </a:cubicBezTo>
                <a:cubicBezTo>
                  <a:pt x="155888" y="295531"/>
                  <a:pt x="155888" y="295531"/>
                  <a:pt x="157478" y="295531"/>
                </a:cubicBezTo>
                <a:cubicBezTo>
                  <a:pt x="174976" y="295212"/>
                  <a:pt x="192156" y="291709"/>
                  <a:pt x="209017" y="285021"/>
                </a:cubicBezTo>
                <a:cubicBezTo>
                  <a:pt x="225879" y="278334"/>
                  <a:pt x="240831" y="268143"/>
                  <a:pt x="254511" y="254768"/>
                </a:cubicBezTo>
                <a:cubicBezTo>
                  <a:pt x="267873" y="241074"/>
                  <a:pt x="278053" y="226106"/>
                  <a:pt x="284734" y="209228"/>
                </a:cubicBezTo>
                <a:cubicBezTo>
                  <a:pt x="291734" y="192349"/>
                  <a:pt x="295233" y="175471"/>
                  <a:pt x="295233" y="157956"/>
                </a:cubicBezTo>
                <a:lnTo>
                  <a:pt x="295233" y="157319"/>
                </a:lnTo>
                <a:cubicBezTo>
                  <a:pt x="295233" y="140122"/>
                  <a:pt x="292052" y="123243"/>
                  <a:pt x="285689" y="106683"/>
                </a:cubicBezTo>
                <a:cubicBezTo>
                  <a:pt x="279008" y="90124"/>
                  <a:pt x="269146" y="75156"/>
                  <a:pt x="255784" y="61780"/>
                </a:cubicBezTo>
                <a:cubicBezTo>
                  <a:pt x="242104" y="48087"/>
                  <a:pt x="226833" y="37896"/>
                  <a:pt x="209972" y="31208"/>
                </a:cubicBezTo>
                <a:cubicBezTo>
                  <a:pt x="193110" y="24202"/>
                  <a:pt x="175612" y="20699"/>
                  <a:pt x="158115" y="20699"/>
                </a:cubicBezTo>
                <a:cubicBezTo>
                  <a:pt x="158115" y="20699"/>
                  <a:pt x="158115" y="20699"/>
                  <a:pt x="157478" y="20699"/>
                </a:cubicBezTo>
                <a:close/>
                <a:moveTo>
                  <a:pt x="157473" y="0"/>
                </a:moveTo>
                <a:lnTo>
                  <a:pt x="158120" y="0"/>
                </a:lnTo>
                <a:lnTo>
                  <a:pt x="217607" y="12101"/>
                </a:lnTo>
                <a:cubicBezTo>
                  <a:pt x="237332" y="19744"/>
                  <a:pt x="254829" y="31845"/>
                  <a:pt x="270418" y="47131"/>
                </a:cubicBezTo>
                <a:cubicBezTo>
                  <a:pt x="285689" y="62417"/>
                  <a:pt x="297142" y="79933"/>
                  <a:pt x="304777" y="99040"/>
                </a:cubicBezTo>
                <a:cubicBezTo>
                  <a:pt x="312094" y="118148"/>
                  <a:pt x="315912" y="137256"/>
                  <a:pt x="315912" y="157319"/>
                </a:cubicBezTo>
                <a:cubicBezTo>
                  <a:pt x="315912" y="157319"/>
                  <a:pt x="315912" y="157319"/>
                  <a:pt x="315912" y="157956"/>
                </a:cubicBezTo>
                <a:cubicBezTo>
                  <a:pt x="315594" y="178019"/>
                  <a:pt x="311776" y="197763"/>
                  <a:pt x="303823" y="217189"/>
                </a:cubicBezTo>
                <a:cubicBezTo>
                  <a:pt x="296187" y="236297"/>
                  <a:pt x="284416" y="253812"/>
                  <a:pt x="268827" y="269417"/>
                </a:cubicBezTo>
                <a:cubicBezTo>
                  <a:pt x="253557" y="284703"/>
                  <a:pt x="236059" y="296486"/>
                  <a:pt x="216652" y="304129"/>
                </a:cubicBezTo>
                <a:cubicBezTo>
                  <a:pt x="197564" y="311772"/>
                  <a:pt x="177521" y="315912"/>
                  <a:pt x="157478" y="315912"/>
                </a:cubicBezTo>
                <a:cubicBezTo>
                  <a:pt x="157478" y="315912"/>
                  <a:pt x="157478" y="315912"/>
                  <a:pt x="155888" y="315912"/>
                </a:cubicBezTo>
                <a:cubicBezTo>
                  <a:pt x="136163" y="315912"/>
                  <a:pt x="117075" y="312091"/>
                  <a:pt x="98304" y="304766"/>
                </a:cubicBezTo>
                <a:cubicBezTo>
                  <a:pt x="78898" y="297123"/>
                  <a:pt x="61400" y="285340"/>
                  <a:pt x="46129" y="270054"/>
                </a:cubicBezTo>
                <a:cubicBezTo>
                  <a:pt x="31177" y="255086"/>
                  <a:pt x="19406" y="237571"/>
                  <a:pt x="11770" y="218145"/>
                </a:cubicBezTo>
                <a:lnTo>
                  <a:pt x="0" y="158279"/>
                </a:lnTo>
                <a:lnTo>
                  <a:pt x="0" y="158269"/>
                </a:lnTo>
                <a:lnTo>
                  <a:pt x="11770" y="98722"/>
                </a:lnTo>
                <a:cubicBezTo>
                  <a:pt x="19406" y="79296"/>
                  <a:pt x="31177" y="61780"/>
                  <a:pt x="46129" y="46813"/>
                </a:cubicBezTo>
                <a:cubicBezTo>
                  <a:pt x="61718" y="31208"/>
                  <a:pt x="79534" y="19425"/>
                  <a:pt x="98941" y="11464"/>
                </a:cubicBezTo>
                <a:close/>
              </a:path>
            </a:pathLst>
          </a:custGeom>
          <a:solidFill>
            <a:srgbClr val="000000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98" name="Frame 26 {PHJU}">
            <a:extLst>
              <a:ext uri="{FF2B5EF4-FFF2-40B4-BE49-F238E27FC236}">
                <a16:creationId xmlns:a16="http://schemas.microsoft.com/office/drawing/2014/main" id="{F00B0162-1064-3422-75CC-36CEE4B5A0F6}"/>
              </a:ext>
            </a:extLst>
          </p:cNvPr>
          <p:cNvSpPr>
            <a:spLocks noGrp="1" noSelect="1"/>
          </p:cNvSpPr>
          <p:nvPr>
            <p:ph type="body" sz="quarter" idx="59" hasCustomPrompt="1"/>
          </p:nvPr>
        </p:nvSpPr>
        <p:spPr>
          <a:xfrm>
            <a:off x="2119313" y="3560763"/>
            <a:ext cx="139700" cy="141288"/>
          </a:xfrm>
          <a:custGeom>
            <a:avLst/>
            <a:gdLst>
              <a:gd name="connsiteX0" fmla="*/ 70009 w 139700"/>
              <a:gd name="connsiteY0" fmla="*/ 0 h 141288"/>
              <a:gd name="connsiteX1" fmla="*/ 80145 w 139700"/>
              <a:gd name="connsiteY1" fmla="*/ 10549 h 141288"/>
              <a:gd name="connsiteX2" fmla="*/ 80145 w 139700"/>
              <a:gd name="connsiteY2" fmla="*/ 60415 h 141288"/>
              <a:gd name="connsiteX3" fmla="*/ 129563 w 139700"/>
              <a:gd name="connsiteY3" fmla="*/ 60415 h 141288"/>
              <a:gd name="connsiteX4" fmla="*/ 139700 w 139700"/>
              <a:gd name="connsiteY4" fmla="*/ 70644 h 141288"/>
              <a:gd name="connsiteX5" fmla="*/ 129563 w 139700"/>
              <a:gd name="connsiteY5" fmla="*/ 81193 h 141288"/>
              <a:gd name="connsiteX6" fmla="*/ 80145 w 139700"/>
              <a:gd name="connsiteY6" fmla="*/ 81193 h 141288"/>
              <a:gd name="connsiteX7" fmla="*/ 80145 w 139700"/>
              <a:gd name="connsiteY7" fmla="*/ 131059 h 141288"/>
              <a:gd name="connsiteX8" fmla="*/ 70009 w 139700"/>
              <a:gd name="connsiteY8" fmla="*/ 141288 h 141288"/>
              <a:gd name="connsiteX9" fmla="*/ 59555 w 139700"/>
              <a:gd name="connsiteY9" fmla="*/ 131059 h 141288"/>
              <a:gd name="connsiteX10" fmla="*/ 59555 w 139700"/>
              <a:gd name="connsiteY10" fmla="*/ 81193 h 141288"/>
              <a:gd name="connsiteX11" fmla="*/ 10137 w 139700"/>
              <a:gd name="connsiteY11" fmla="*/ 81193 h 141288"/>
              <a:gd name="connsiteX12" fmla="*/ 0 w 139700"/>
              <a:gd name="connsiteY12" fmla="*/ 70644 h 141288"/>
              <a:gd name="connsiteX13" fmla="*/ 10137 w 139700"/>
              <a:gd name="connsiteY13" fmla="*/ 60415 h 141288"/>
              <a:gd name="connsiteX14" fmla="*/ 59555 w 139700"/>
              <a:gd name="connsiteY14" fmla="*/ 60415 h 141288"/>
              <a:gd name="connsiteX15" fmla="*/ 59555 w 139700"/>
              <a:gd name="connsiteY15" fmla="*/ 10549 h 141288"/>
              <a:gd name="connsiteX16" fmla="*/ 70009 w 139700"/>
              <a:gd name="connsiteY16" fmla="*/ 0 h 1412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139700" h="141288">
                <a:moveTo>
                  <a:pt x="70009" y="0"/>
                </a:moveTo>
                <a:cubicBezTo>
                  <a:pt x="75394" y="0"/>
                  <a:pt x="80145" y="4795"/>
                  <a:pt x="80145" y="10549"/>
                </a:cubicBezTo>
                <a:cubicBezTo>
                  <a:pt x="80145" y="10549"/>
                  <a:pt x="80145" y="10549"/>
                  <a:pt x="80145" y="60415"/>
                </a:cubicBezTo>
                <a:cubicBezTo>
                  <a:pt x="80145" y="60415"/>
                  <a:pt x="80145" y="60415"/>
                  <a:pt x="129563" y="60415"/>
                </a:cubicBezTo>
                <a:cubicBezTo>
                  <a:pt x="135265" y="60415"/>
                  <a:pt x="139700" y="64890"/>
                  <a:pt x="139700" y="70644"/>
                </a:cubicBezTo>
                <a:cubicBezTo>
                  <a:pt x="139700" y="76398"/>
                  <a:pt x="135265" y="81193"/>
                  <a:pt x="129563" y="81193"/>
                </a:cubicBezTo>
                <a:cubicBezTo>
                  <a:pt x="129563" y="81193"/>
                  <a:pt x="129563" y="81193"/>
                  <a:pt x="80145" y="81193"/>
                </a:cubicBezTo>
                <a:cubicBezTo>
                  <a:pt x="80145" y="81193"/>
                  <a:pt x="80145" y="81193"/>
                  <a:pt x="80145" y="131059"/>
                </a:cubicBezTo>
                <a:cubicBezTo>
                  <a:pt x="80145" y="136813"/>
                  <a:pt x="75394" y="141288"/>
                  <a:pt x="70009" y="141288"/>
                </a:cubicBezTo>
                <a:cubicBezTo>
                  <a:pt x="64306" y="141288"/>
                  <a:pt x="59555" y="136813"/>
                  <a:pt x="59555" y="131059"/>
                </a:cubicBezTo>
                <a:cubicBezTo>
                  <a:pt x="59555" y="131059"/>
                  <a:pt x="59555" y="131059"/>
                  <a:pt x="59555" y="81193"/>
                </a:cubicBezTo>
                <a:cubicBezTo>
                  <a:pt x="59555" y="81193"/>
                  <a:pt x="59555" y="81193"/>
                  <a:pt x="10137" y="81193"/>
                </a:cubicBezTo>
                <a:cubicBezTo>
                  <a:pt x="4435" y="81193"/>
                  <a:pt x="0" y="76398"/>
                  <a:pt x="0" y="70644"/>
                </a:cubicBezTo>
                <a:cubicBezTo>
                  <a:pt x="0" y="64890"/>
                  <a:pt x="4435" y="60415"/>
                  <a:pt x="10137" y="60415"/>
                </a:cubicBezTo>
                <a:cubicBezTo>
                  <a:pt x="10137" y="60415"/>
                  <a:pt x="10137" y="60415"/>
                  <a:pt x="59555" y="60415"/>
                </a:cubicBezTo>
                <a:cubicBezTo>
                  <a:pt x="59555" y="60415"/>
                  <a:pt x="59555" y="60415"/>
                  <a:pt x="59555" y="10549"/>
                </a:cubicBezTo>
                <a:cubicBezTo>
                  <a:pt x="59555" y="4795"/>
                  <a:pt x="64306" y="0"/>
                  <a:pt x="70009" y="0"/>
                </a:cubicBezTo>
                <a:close/>
              </a:path>
            </a:pathLst>
          </a:custGeom>
          <a:solidFill>
            <a:srgbClr val="000000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4" name="Title 27">
            <a:extLst>
              <a:ext uri="{FF2B5EF4-FFF2-40B4-BE49-F238E27FC236}">
                <a16:creationId xmlns:a16="http://schemas.microsoft.com/office/drawing/2014/main" id="{513B459E-B42D-3AFD-C632-A8800B070425}"/>
              </a:ext>
            </a:extLst>
          </p:cNvPr>
          <p:cNvSpPr>
            <a:spLocks noGrp="1" noSelect="1"/>
          </p:cNvSpPr>
          <p:nvPr>
            <p:ph type="title" hasCustomPrompt="1"/>
          </p:nvPr>
        </p:nvSpPr>
        <p:spPr>
          <a:xfrm>
            <a:off x="1371598" y="536712"/>
            <a:ext cx="9482141" cy="445952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GB"/>
              <a:t>[Title]</a:t>
            </a:r>
            <a:endParaRPr lang="en-GB" dirty="0"/>
          </a:p>
        </p:txBody>
      </p:sp>
      <p:sp>
        <p:nvSpPr>
          <p:cNvPr id="5" name="Frame text 28 [PHJU] (JU-Free)">
            <a:extLst>
              <a:ext uri="{FF2B5EF4-FFF2-40B4-BE49-F238E27FC236}">
                <a16:creationId xmlns:a16="http://schemas.microsoft.com/office/drawing/2014/main" id="{30102543-516E-DF03-3D4B-F9C49BCC8F0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1492457" y="1293813"/>
            <a:ext cx="5906881" cy="225563"/>
          </a:xfrm>
        </p:spPr>
        <p:txBody>
          <a:bodyPr/>
          <a:lstStyle>
            <a:lvl1pPr marL="0" indent="0" algn="l">
              <a:lnSpc>
                <a:spcPct val="120000"/>
              </a:lnSpc>
              <a:buFont typeface="Arial" panose="020B0604020202020204" pitchFamily="34" charset="0"/>
              <a:buNone/>
              <a:defRPr sz="1200">
                <a:solidFill>
                  <a:schemeClr val="accent1"/>
                </a:solidFill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6" name="Frame text 29 [PHJU] (JU-Free)">
            <a:extLst>
              <a:ext uri="{FF2B5EF4-FFF2-40B4-BE49-F238E27FC236}">
                <a16:creationId xmlns:a16="http://schemas.microsoft.com/office/drawing/2014/main" id="{F203EB54-564F-824C-9488-FB663FDCBE68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852915" y="1293813"/>
            <a:ext cx="2854774" cy="225563"/>
          </a:xfrm>
        </p:spPr>
        <p:txBody>
          <a:bodyPr/>
          <a:lstStyle>
            <a:lvl1pPr marL="0" indent="0" algn="l">
              <a:lnSpc>
                <a:spcPct val="120000"/>
              </a:lnSpc>
              <a:buFont typeface="Arial" panose="020B0604020202020204" pitchFamily="34" charset="0"/>
              <a:buNone/>
              <a:defRPr sz="1200">
                <a:solidFill>
                  <a:srgbClr val="0800FE"/>
                </a:solidFill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7" name="Frame text 30 [PHJU] (JU-Free)">
            <a:extLst>
              <a:ext uri="{FF2B5EF4-FFF2-40B4-BE49-F238E27FC236}">
                <a16:creationId xmlns:a16="http://schemas.microsoft.com/office/drawing/2014/main" id="{FB535A8F-B5A5-4B3D-7EC5-89F6177F12AF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1625906" y="2038561"/>
            <a:ext cx="2647645" cy="168201"/>
          </a:xfrm>
        </p:spPr>
        <p:txBody>
          <a:bodyPr/>
          <a:lstStyle>
            <a:lvl1pPr marL="0" indent="0" algn="l">
              <a:lnSpc>
                <a:spcPct val="120000"/>
              </a:lnSpc>
              <a:buFont typeface="Arial" panose="020B0604020202020204" pitchFamily="34" charset="0"/>
              <a:buNone/>
              <a:defRPr sz="900">
                <a:solidFill>
                  <a:srgbClr val="000000"/>
                </a:solidFill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8" name="Frame text 31 [PHJU] (JU-Free)">
            <a:extLst>
              <a:ext uri="{FF2B5EF4-FFF2-40B4-BE49-F238E27FC236}">
                <a16:creationId xmlns:a16="http://schemas.microsoft.com/office/drawing/2014/main" id="{128302AC-F37C-01AD-D250-997F81FB50D2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719321" y="2038561"/>
            <a:ext cx="2680017" cy="168201"/>
          </a:xfrm>
        </p:spPr>
        <p:txBody>
          <a:bodyPr/>
          <a:lstStyle>
            <a:lvl1pPr marL="0" indent="0" algn="l">
              <a:lnSpc>
                <a:spcPct val="120000"/>
              </a:lnSpc>
              <a:buFont typeface="Arial" panose="020B0604020202020204" pitchFamily="34" charset="0"/>
              <a:buNone/>
              <a:defRPr sz="900">
                <a:solidFill>
                  <a:srgbClr val="000000"/>
                </a:solidFill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9" name="Frame text 32 [PHJU] (JU-Free)">
            <a:extLst>
              <a:ext uri="{FF2B5EF4-FFF2-40B4-BE49-F238E27FC236}">
                <a16:creationId xmlns:a16="http://schemas.microsoft.com/office/drawing/2014/main" id="{7470E8D0-877D-F0BC-739D-8B14794831E0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8015314" y="2038561"/>
            <a:ext cx="2692374" cy="164680"/>
          </a:xfrm>
        </p:spPr>
        <p:txBody>
          <a:bodyPr/>
          <a:lstStyle>
            <a:lvl1pPr marL="0" indent="0" algn="l">
              <a:lnSpc>
                <a:spcPct val="120000"/>
              </a:lnSpc>
              <a:buFont typeface="Arial" panose="020B0604020202020204" pitchFamily="34" charset="0"/>
              <a:buNone/>
              <a:defRPr sz="900">
                <a:solidFill>
                  <a:srgbClr val="000000"/>
                </a:solidFill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0" name="Frame text 33 [PHJU] (JU-Free)">
            <a:extLst>
              <a:ext uri="{FF2B5EF4-FFF2-40B4-BE49-F238E27FC236}">
                <a16:creationId xmlns:a16="http://schemas.microsoft.com/office/drawing/2014/main" id="{131F1114-8E35-1647-5A82-EE9DA8BC8D6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612555" y="2322516"/>
            <a:ext cx="2660996" cy="720000"/>
          </a:xfrm>
        </p:spPr>
        <p:txBody>
          <a:bodyPr anchor="t" anchorCtr="0"/>
          <a:lstStyle>
            <a:lvl1pPr marL="0" indent="0" algn="l">
              <a:lnSpc>
                <a:spcPct val="98000"/>
              </a:lnSpc>
              <a:buFont typeface="Arial" panose="020B0604020202020204" pitchFamily="34" charset="0"/>
              <a:buNone/>
              <a:defRPr sz="1800">
                <a:latin typeface="Maison Neue Bold" panose="020B0804040000000000" pitchFamily="34" charset="0"/>
              </a:defRPr>
            </a:lvl1pPr>
            <a:lvl2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2pPr>
            <a:lvl3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3pPr>
            <a:lvl4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4pPr>
            <a:lvl5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5pPr>
            <a:lvl6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6pPr>
            <a:lvl7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7pPr>
            <a:lvl8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8pPr>
            <a:lvl9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Heading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1" name="Frame text 34 [PHJU] (JU-Free)">
            <a:extLst>
              <a:ext uri="{FF2B5EF4-FFF2-40B4-BE49-F238E27FC236}">
                <a16:creationId xmlns:a16="http://schemas.microsoft.com/office/drawing/2014/main" id="{016060FC-FAB6-A084-59EA-DE0BC973CE7F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4714531" y="2322000"/>
            <a:ext cx="2680016" cy="720516"/>
          </a:xfrm>
        </p:spPr>
        <p:txBody>
          <a:bodyPr anchor="t" anchorCtr="0"/>
          <a:lstStyle>
            <a:lvl1pPr marL="0" indent="0" algn="l">
              <a:lnSpc>
                <a:spcPct val="98000"/>
              </a:lnSpc>
              <a:buFont typeface="Arial" panose="020B0604020202020204" pitchFamily="34" charset="0"/>
              <a:buNone/>
              <a:defRPr sz="1800">
                <a:latin typeface="Maison Neue Bold" panose="020B0804040000000000" pitchFamily="34" charset="0"/>
              </a:defRPr>
            </a:lvl1pPr>
            <a:lvl2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2pPr>
            <a:lvl3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3pPr>
            <a:lvl4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4pPr>
            <a:lvl5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5pPr>
            <a:lvl6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6pPr>
            <a:lvl7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7pPr>
            <a:lvl8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8pPr>
            <a:lvl9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Heading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2" name="Frame text 35 [PHJU] (JU-Free)">
            <a:extLst>
              <a:ext uri="{FF2B5EF4-FFF2-40B4-BE49-F238E27FC236}">
                <a16:creationId xmlns:a16="http://schemas.microsoft.com/office/drawing/2014/main" id="{C1577D37-59DE-366E-3D06-B078972AECB1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8015313" y="2322000"/>
            <a:ext cx="2692375" cy="720000"/>
          </a:xfrm>
        </p:spPr>
        <p:txBody>
          <a:bodyPr anchor="t" anchorCtr="0"/>
          <a:lstStyle>
            <a:lvl1pPr marL="0" indent="0" algn="l">
              <a:lnSpc>
                <a:spcPct val="98000"/>
              </a:lnSpc>
              <a:buFont typeface="Arial" panose="020B0604020202020204" pitchFamily="34" charset="0"/>
              <a:buNone/>
              <a:defRPr sz="1800">
                <a:latin typeface="Maison Neue Bold" panose="020B0804040000000000" pitchFamily="34" charset="0"/>
              </a:defRPr>
            </a:lvl1pPr>
            <a:lvl2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2pPr>
            <a:lvl3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3pPr>
            <a:lvl4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4pPr>
            <a:lvl5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5pPr>
            <a:lvl6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6pPr>
            <a:lvl7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7pPr>
            <a:lvl8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8pPr>
            <a:lvl9pPr marL="0" marR="0" indent="0" algn="ctr" fontAlgn="auto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tx1">
                    <a:lumMod val="100000"/>
                  </a:scheme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Heading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3" name="Frame text 36 [PHJU] (JU-Free)">
            <a:extLst>
              <a:ext uri="{FF2B5EF4-FFF2-40B4-BE49-F238E27FC236}">
                <a16:creationId xmlns:a16="http://schemas.microsoft.com/office/drawing/2014/main" id="{876ED24F-3381-0DD5-B193-418FB91C41BB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1899408" y="4163842"/>
            <a:ext cx="610222" cy="312907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800">
                <a:solidFill>
                  <a:srgbClr val="000000"/>
                </a:solidFill>
                <a:latin typeface="Maison Neue Bold" panose="020B0804040000000000" pitchFamily="34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4" name="Frame text 37 [PHJU] (JU-Free)">
            <a:extLst>
              <a:ext uri="{FF2B5EF4-FFF2-40B4-BE49-F238E27FC236}">
                <a16:creationId xmlns:a16="http://schemas.microsoft.com/office/drawing/2014/main" id="{DEF9F8BD-DDBD-DF51-83B9-C299B844E67D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765664" y="4163842"/>
            <a:ext cx="610222" cy="312907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800">
                <a:solidFill>
                  <a:srgbClr val="000000"/>
                </a:solidFill>
                <a:latin typeface="Maison Neue Bold" panose="020B0804040000000000" pitchFamily="34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5" name="Frame text 38 [PHJU] (JU-Free)">
            <a:extLst>
              <a:ext uri="{FF2B5EF4-FFF2-40B4-BE49-F238E27FC236}">
                <a16:creationId xmlns:a16="http://schemas.microsoft.com/office/drawing/2014/main" id="{2047543E-6F77-DF0E-8942-5BC666F617B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3460231" y="4162254"/>
            <a:ext cx="610222" cy="312907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800">
                <a:solidFill>
                  <a:srgbClr val="000000"/>
                </a:solidFill>
                <a:latin typeface="Maison Neue Bold" panose="020B0804040000000000" pitchFamily="34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6" name="Frame text 39 [PHJU] (JU-Free)">
            <a:extLst>
              <a:ext uri="{FF2B5EF4-FFF2-40B4-BE49-F238E27FC236}">
                <a16:creationId xmlns:a16="http://schemas.microsoft.com/office/drawing/2014/main" id="{FA68DB6C-FD5E-B775-9D58-24A53466668E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5000315" y="4159250"/>
            <a:ext cx="610222" cy="312907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800">
                <a:solidFill>
                  <a:srgbClr val="000000"/>
                </a:solidFill>
                <a:latin typeface="Maison Neue Bold" panose="020B0804040000000000" pitchFamily="34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7" name="Frame text 40 [PHJU] (JU-Free)">
            <a:extLst>
              <a:ext uri="{FF2B5EF4-FFF2-40B4-BE49-F238E27FC236}">
                <a16:creationId xmlns:a16="http://schemas.microsoft.com/office/drawing/2014/main" id="{0E284D50-6B0E-AFDE-A4BF-A0B519489B6B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5866571" y="4159250"/>
            <a:ext cx="610222" cy="312907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800">
                <a:solidFill>
                  <a:srgbClr val="000000"/>
                </a:solidFill>
                <a:latin typeface="Maison Neue Bold" panose="020B0804040000000000" pitchFamily="34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8" name="Frame text 41 [PHJU] (JU-Free)">
            <a:extLst>
              <a:ext uri="{FF2B5EF4-FFF2-40B4-BE49-F238E27FC236}">
                <a16:creationId xmlns:a16="http://schemas.microsoft.com/office/drawing/2014/main" id="{25CE8A97-FB5E-69E4-27D5-5EED84120FB6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6561138" y="4157662"/>
            <a:ext cx="610222" cy="312907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800">
                <a:solidFill>
                  <a:srgbClr val="000000"/>
                </a:solidFill>
                <a:latin typeface="Maison Neue Bold" panose="020B0804040000000000" pitchFamily="34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9" name="Placeholder 42 [PHJU] (JU-Free)">
            <a:extLst>
              <a:ext uri="{FF2B5EF4-FFF2-40B4-BE49-F238E27FC236}">
                <a16:creationId xmlns:a16="http://schemas.microsoft.com/office/drawing/2014/main" id="{393778BB-4E0A-14B6-3052-277AF87246E5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8302315" y="4159250"/>
            <a:ext cx="610222" cy="312907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800">
                <a:solidFill>
                  <a:srgbClr val="000000"/>
                </a:solidFill>
                <a:latin typeface="Maison Neue Bold" panose="020B0804040000000000" pitchFamily="34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20" name="Frame text 43 [PHJU] (JU-Free)">
            <a:extLst>
              <a:ext uri="{FF2B5EF4-FFF2-40B4-BE49-F238E27FC236}">
                <a16:creationId xmlns:a16="http://schemas.microsoft.com/office/drawing/2014/main" id="{8F63AE6A-DE5D-094F-6D07-CE80ED6F95D7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9168571" y="4159250"/>
            <a:ext cx="610222" cy="312907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800">
                <a:solidFill>
                  <a:srgbClr val="000000"/>
                </a:solidFill>
                <a:latin typeface="Maison Neue Bold" panose="020B0804040000000000" pitchFamily="34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21" name="Frame text 44 [PHJU] (JU-Free)">
            <a:extLst>
              <a:ext uri="{FF2B5EF4-FFF2-40B4-BE49-F238E27FC236}">
                <a16:creationId xmlns:a16="http://schemas.microsoft.com/office/drawing/2014/main" id="{6090B20A-6DDD-277A-E6A7-621A2A95889B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9863138" y="4157662"/>
            <a:ext cx="610222" cy="312907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800">
                <a:solidFill>
                  <a:srgbClr val="000000"/>
                </a:solidFill>
                <a:latin typeface="Maison Neue Bold" panose="020B0804040000000000" pitchFamily="34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8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22" name="Frame text 45 [PHJU] (JU-Free)">
            <a:extLst>
              <a:ext uri="{FF2B5EF4-FFF2-40B4-BE49-F238E27FC236}">
                <a16:creationId xmlns:a16="http://schemas.microsoft.com/office/drawing/2014/main" id="{B857C4F2-A4C6-5CBF-DC91-48A77F33A234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1625907" y="4495283"/>
            <a:ext cx="2647644" cy="312907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800">
                <a:solidFill>
                  <a:srgbClr val="0800FE"/>
                </a:solidFill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23" name="Frame text 46 [PHJU] (JU-Free)">
            <a:extLst>
              <a:ext uri="{FF2B5EF4-FFF2-40B4-BE49-F238E27FC236}">
                <a16:creationId xmlns:a16="http://schemas.microsoft.com/office/drawing/2014/main" id="{FD62A5BD-F52F-5A6A-972C-95A2620F8833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4714531" y="4504830"/>
            <a:ext cx="2680016" cy="312907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800">
                <a:solidFill>
                  <a:schemeClr val="accent1"/>
                </a:solidFill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24" name="Frame text 47 [PHJU] (JU-Free)">
            <a:extLst>
              <a:ext uri="{FF2B5EF4-FFF2-40B4-BE49-F238E27FC236}">
                <a16:creationId xmlns:a16="http://schemas.microsoft.com/office/drawing/2014/main" id="{6A5C571B-A6E9-22DA-0F9D-19143FC5B434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8015314" y="4495283"/>
            <a:ext cx="2692374" cy="312907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800">
                <a:solidFill>
                  <a:srgbClr val="0800FE"/>
                </a:solidFill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800" b="0" i="0" u="none" baseline="0">
                <a:solidFill>
                  <a:schemeClr val="accent1">
                    <a:lumMod val="100000"/>
                  </a:scheme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25" name="Frame text 48 [PHJU] (JU-Free)">
            <a:extLst>
              <a:ext uri="{FF2B5EF4-FFF2-40B4-BE49-F238E27FC236}">
                <a16:creationId xmlns:a16="http://schemas.microsoft.com/office/drawing/2014/main" id="{CFBEEDD1-B637-F0FD-8239-D481B2368B4D}"/>
              </a:ext>
            </a:extLst>
          </p:cNvPr>
          <p:cNvSpPr>
            <a:spLocks noGrp="1"/>
          </p:cNvSpPr>
          <p:nvPr>
            <p:ph type="body" sz="quarter" idx="35" hasCustomPrompt="1"/>
          </p:nvPr>
        </p:nvSpPr>
        <p:spPr>
          <a:xfrm>
            <a:off x="1625906" y="4877698"/>
            <a:ext cx="2647645" cy="168201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900">
                <a:solidFill>
                  <a:srgbClr val="000000"/>
                </a:solidFill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ard (of Standard)</a:t>
            </a:r>
            <a:endParaRPr lang="en-GB" dirty="0"/>
          </a:p>
        </p:txBody>
      </p:sp>
      <p:sp>
        <p:nvSpPr>
          <p:cNvPr id="26" name="Frame text 49 [PHJU] (JU-Free)">
            <a:extLst>
              <a:ext uri="{FF2B5EF4-FFF2-40B4-BE49-F238E27FC236}">
                <a16:creationId xmlns:a16="http://schemas.microsoft.com/office/drawing/2014/main" id="{9C50B617-BECA-751E-4BB8-8F02AB78BDED}"/>
              </a:ext>
            </a:extLst>
          </p:cNvPr>
          <p:cNvSpPr>
            <a:spLocks noGrp="1"/>
          </p:cNvSpPr>
          <p:nvPr>
            <p:ph type="body" sz="quarter" idx="36" hasCustomPrompt="1"/>
          </p:nvPr>
        </p:nvSpPr>
        <p:spPr>
          <a:xfrm>
            <a:off x="4714531" y="4876411"/>
            <a:ext cx="2680016" cy="169488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900">
                <a:solidFill>
                  <a:srgbClr val="000000"/>
                </a:solidFill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ard (of Standard)</a:t>
            </a:r>
            <a:endParaRPr lang="en-GB" dirty="0"/>
          </a:p>
        </p:txBody>
      </p:sp>
      <p:sp>
        <p:nvSpPr>
          <p:cNvPr id="27" name="Frame text 50 [PHJU] (JU-Free)">
            <a:extLst>
              <a:ext uri="{FF2B5EF4-FFF2-40B4-BE49-F238E27FC236}">
                <a16:creationId xmlns:a16="http://schemas.microsoft.com/office/drawing/2014/main" id="{811093CC-7AFA-E8B2-D972-F56D4364FEF2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8012868" y="4881486"/>
            <a:ext cx="2692373" cy="164413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900">
                <a:solidFill>
                  <a:srgbClr val="000000"/>
                </a:solidFill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9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ard (of Standard)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7199452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[Overview]">
    <p:bg>
      <p:bgPr>
        <a:solidFill>
          <a:srgbClr val="6BC9CD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8" name="Frame 1">
            <a:extLst>
              <a:ext uri="{FF2B5EF4-FFF2-40B4-BE49-F238E27FC236}">
                <a16:creationId xmlns:a16="http://schemas.microsoft.com/office/drawing/2014/main" id="{F88EAC91-D5AB-637C-145F-C3B6888048DC}"/>
              </a:ext>
            </a:extLst>
          </p:cNvPr>
          <p:cNvSpPr>
            <a:spLocks noGrp="1" noSelect="1"/>
          </p:cNvSpPr>
          <p:nvPr>
            <p:ph type="body" sz="quarter" idx="57" hasCustomPrompt="1"/>
          </p:nvPr>
        </p:nvSpPr>
        <p:spPr>
          <a:xfrm>
            <a:off x="3286126" y="2470151"/>
            <a:ext cx="1793874" cy="3157538"/>
          </a:xfrm>
          <a:custGeom>
            <a:avLst/>
            <a:gdLst>
              <a:gd name="connsiteX0" fmla="*/ 104774 w 1793874"/>
              <a:gd name="connsiteY0" fmla="*/ 0 h 3157538"/>
              <a:gd name="connsiteX1" fmla="*/ 107869 w 1793874"/>
              <a:gd name="connsiteY1" fmla="*/ 0 h 3157538"/>
              <a:gd name="connsiteX2" fmla="*/ 115218 w 1793874"/>
              <a:gd name="connsiteY2" fmla="*/ 0 h 3157538"/>
              <a:gd name="connsiteX3" fmla="*/ 129529 w 1793874"/>
              <a:gd name="connsiteY3" fmla="*/ 0 h 3157538"/>
              <a:gd name="connsiteX4" fmla="*/ 153124 w 1793874"/>
              <a:gd name="connsiteY4" fmla="*/ 0 h 3157538"/>
              <a:gd name="connsiteX5" fmla="*/ 188323 w 1793874"/>
              <a:gd name="connsiteY5" fmla="*/ 0 h 3157538"/>
              <a:gd name="connsiteX6" fmla="*/ 237446 w 1793874"/>
              <a:gd name="connsiteY6" fmla="*/ 0 h 3157538"/>
              <a:gd name="connsiteX7" fmla="*/ 302815 w 1793874"/>
              <a:gd name="connsiteY7" fmla="*/ 0 h 3157538"/>
              <a:gd name="connsiteX8" fmla="*/ 386750 w 1793874"/>
              <a:gd name="connsiteY8" fmla="*/ 0 h 3157538"/>
              <a:gd name="connsiteX9" fmla="*/ 491572 w 1793874"/>
              <a:gd name="connsiteY9" fmla="*/ 0 h 3157538"/>
              <a:gd name="connsiteX10" fmla="*/ 619602 w 1793874"/>
              <a:gd name="connsiteY10" fmla="*/ 0 h 3157538"/>
              <a:gd name="connsiteX11" fmla="*/ 773161 w 1793874"/>
              <a:gd name="connsiteY11" fmla="*/ 0 h 3157538"/>
              <a:gd name="connsiteX12" fmla="*/ 860239 w 1793874"/>
              <a:gd name="connsiteY12" fmla="*/ 0 h 3157538"/>
              <a:gd name="connsiteX13" fmla="*/ 954570 w 1793874"/>
              <a:gd name="connsiteY13" fmla="*/ 0 h 3157538"/>
              <a:gd name="connsiteX14" fmla="*/ 1056443 w 1793874"/>
              <a:gd name="connsiteY14" fmla="*/ 0 h 3157538"/>
              <a:gd name="connsiteX15" fmla="*/ 1166148 w 1793874"/>
              <a:gd name="connsiteY15" fmla="*/ 0 h 3157538"/>
              <a:gd name="connsiteX16" fmla="*/ 1283977 w 1793874"/>
              <a:gd name="connsiteY16" fmla="*/ 0 h 3157538"/>
              <a:gd name="connsiteX17" fmla="*/ 1410218 w 1793874"/>
              <a:gd name="connsiteY17" fmla="*/ 0 h 3157538"/>
              <a:gd name="connsiteX18" fmla="*/ 1545162 w 1793874"/>
              <a:gd name="connsiteY18" fmla="*/ 0 h 3157538"/>
              <a:gd name="connsiteX19" fmla="*/ 1689099 w 1793874"/>
              <a:gd name="connsiteY19" fmla="*/ 0 h 3157538"/>
              <a:gd name="connsiteX20" fmla="*/ 1793874 w 1793874"/>
              <a:gd name="connsiteY20" fmla="*/ 104765 h 3157538"/>
              <a:gd name="connsiteX21" fmla="*/ 1793874 w 1793874"/>
              <a:gd name="connsiteY21" fmla="*/ 3053091 h 3157538"/>
              <a:gd name="connsiteX22" fmla="*/ 1689099 w 1793874"/>
              <a:gd name="connsiteY22" fmla="*/ 3157538 h 3157538"/>
              <a:gd name="connsiteX23" fmla="*/ 1686005 w 1793874"/>
              <a:gd name="connsiteY23" fmla="*/ 3157538 h 3157538"/>
              <a:gd name="connsiteX24" fmla="*/ 1678656 w 1793874"/>
              <a:gd name="connsiteY24" fmla="*/ 3157538 h 3157538"/>
              <a:gd name="connsiteX25" fmla="*/ 1664344 w 1793874"/>
              <a:gd name="connsiteY25" fmla="*/ 3157538 h 3157538"/>
              <a:gd name="connsiteX26" fmla="*/ 1640749 w 1793874"/>
              <a:gd name="connsiteY26" fmla="*/ 3157538 h 3157538"/>
              <a:gd name="connsiteX27" fmla="*/ 1605551 w 1793874"/>
              <a:gd name="connsiteY27" fmla="*/ 3157538 h 3157538"/>
              <a:gd name="connsiteX28" fmla="*/ 1556428 w 1793874"/>
              <a:gd name="connsiteY28" fmla="*/ 3157538 h 3157538"/>
              <a:gd name="connsiteX29" fmla="*/ 1491059 w 1793874"/>
              <a:gd name="connsiteY29" fmla="*/ 3157538 h 3157538"/>
              <a:gd name="connsiteX30" fmla="*/ 1407123 w 1793874"/>
              <a:gd name="connsiteY30" fmla="*/ 3157538 h 3157538"/>
              <a:gd name="connsiteX31" fmla="*/ 1302301 w 1793874"/>
              <a:gd name="connsiteY31" fmla="*/ 3157538 h 3157538"/>
              <a:gd name="connsiteX32" fmla="*/ 1174271 w 1793874"/>
              <a:gd name="connsiteY32" fmla="*/ 3157538 h 3157538"/>
              <a:gd name="connsiteX33" fmla="*/ 1020712 w 1793874"/>
              <a:gd name="connsiteY33" fmla="*/ 3157538 h 3157538"/>
              <a:gd name="connsiteX34" fmla="*/ 933634 w 1793874"/>
              <a:gd name="connsiteY34" fmla="*/ 3157538 h 3157538"/>
              <a:gd name="connsiteX35" fmla="*/ 839304 w 1793874"/>
              <a:gd name="connsiteY35" fmla="*/ 3157538 h 3157538"/>
              <a:gd name="connsiteX36" fmla="*/ 737431 w 1793874"/>
              <a:gd name="connsiteY36" fmla="*/ 3157538 h 3157538"/>
              <a:gd name="connsiteX37" fmla="*/ 627725 w 1793874"/>
              <a:gd name="connsiteY37" fmla="*/ 3157538 h 3157538"/>
              <a:gd name="connsiteX38" fmla="*/ 509897 w 1793874"/>
              <a:gd name="connsiteY38" fmla="*/ 3157538 h 3157538"/>
              <a:gd name="connsiteX39" fmla="*/ 383656 w 1793874"/>
              <a:gd name="connsiteY39" fmla="*/ 3157538 h 3157538"/>
              <a:gd name="connsiteX40" fmla="*/ 248711 w 1793874"/>
              <a:gd name="connsiteY40" fmla="*/ 3157538 h 3157538"/>
              <a:gd name="connsiteX41" fmla="*/ 104774 w 1793874"/>
              <a:gd name="connsiteY41" fmla="*/ 3157538 h 3157538"/>
              <a:gd name="connsiteX42" fmla="*/ 8244 w 1793874"/>
              <a:gd name="connsiteY42" fmla="*/ 3093787 h 3157538"/>
              <a:gd name="connsiteX43" fmla="*/ 0 w 1793874"/>
              <a:gd name="connsiteY43" fmla="*/ 3053096 h 3157538"/>
              <a:gd name="connsiteX44" fmla="*/ 0 w 1793874"/>
              <a:gd name="connsiteY44" fmla="*/ 104760 h 3157538"/>
              <a:gd name="connsiteX45" fmla="*/ 8244 w 1793874"/>
              <a:gd name="connsiteY45" fmla="*/ 64020 h 3157538"/>
              <a:gd name="connsiteX46" fmla="*/ 104774 w 1793874"/>
              <a:gd name="connsiteY46" fmla="*/ 0 h 315753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</a:cxnLst>
            <a:rect l="l" t="t" r="r" b="b"/>
            <a:pathLst>
              <a:path w="1793874" h="3157538">
                <a:moveTo>
                  <a:pt x="104774" y="0"/>
                </a:moveTo>
                <a:lnTo>
                  <a:pt x="107869" y="0"/>
                </a:lnTo>
                <a:lnTo>
                  <a:pt x="115218" y="0"/>
                </a:lnTo>
                <a:lnTo>
                  <a:pt x="129529" y="0"/>
                </a:lnTo>
                <a:lnTo>
                  <a:pt x="153124" y="0"/>
                </a:lnTo>
                <a:lnTo>
                  <a:pt x="188323" y="0"/>
                </a:lnTo>
                <a:lnTo>
                  <a:pt x="237446" y="0"/>
                </a:lnTo>
                <a:lnTo>
                  <a:pt x="302815" y="0"/>
                </a:lnTo>
                <a:lnTo>
                  <a:pt x="386750" y="0"/>
                </a:lnTo>
                <a:lnTo>
                  <a:pt x="491572" y="0"/>
                </a:lnTo>
                <a:lnTo>
                  <a:pt x="619602" y="0"/>
                </a:lnTo>
                <a:lnTo>
                  <a:pt x="773161" y="0"/>
                </a:lnTo>
                <a:lnTo>
                  <a:pt x="860239" y="0"/>
                </a:lnTo>
                <a:lnTo>
                  <a:pt x="954570" y="0"/>
                </a:lnTo>
                <a:lnTo>
                  <a:pt x="1056443" y="0"/>
                </a:lnTo>
                <a:lnTo>
                  <a:pt x="1166148" y="0"/>
                </a:lnTo>
                <a:lnTo>
                  <a:pt x="1283977" y="0"/>
                </a:lnTo>
                <a:lnTo>
                  <a:pt x="1410218" y="0"/>
                </a:lnTo>
                <a:lnTo>
                  <a:pt x="1545162" y="0"/>
                </a:lnTo>
                <a:lnTo>
                  <a:pt x="1689099" y="0"/>
                </a:lnTo>
                <a:cubicBezTo>
                  <a:pt x="1746884" y="0"/>
                  <a:pt x="1793874" y="46985"/>
                  <a:pt x="1793874" y="104765"/>
                </a:cubicBezTo>
                <a:cubicBezTo>
                  <a:pt x="1793874" y="104765"/>
                  <a:pt x="1793874" y="104765"/>
                  <a:pt x="1793874" y="3053091"/>
                </a:cubicBezTo>
                <a:cubicBezTo>
                  <a:pt x="1793874" y="3110870"/>
                  <a:pt x="1746884" y="3157538"/>
                  <a:pt x="1689099" y="3157538"/>
                </a:cubicBezTo>
                <a:lnTo>
                  <a:pt x="1686005" y="3157538"/>
                </a:lnTo>
                <a:lnTo>
                  <a:pt x="1678656" y="3157538"/>
                </a:lnTo>
                <a:lnTo>
                  <a:pt x="1664344" y="3157538"/>
                </a:lnTo>
                <a:lnTo>
                  <a:pt x="1640749" y="3157538"/>
                </a:lnTo>
                <a:lnTo>
                  <a:pt x="1605551" y="3157538"/>
                </a:lnTo>
                <a:lnTo>
                  <a:pt x="1556428" y="3157538"/>
                </a:lnTo>
                <a:lnTo>
                  <a:pt x="1491059" y="3157538"/>
                </a:lnTo>
                <a:lnTo>
                  <a:pt x="1407123" y="3157538"/>
                </a:lnTo>
                <a:lnTo>
                  <a:pt x="1302301" y="3157538"/>
                </a:lnTo>
                <a:lnTo>
                  <a:pt x="1174271" y="3157538"/>
                </a:lnTo>
                <a:lnTo>
                  <a:pt x="1020712" y="3157538"/>
                </a:lnTo>
                <a:lnTo>
                  <a:pt x="933634" y="3157538"/>
                </a:lnTo>
                <a:lnTo>
                  <a:pt x="839304" y="3157538"/>
                </a:lnTo>
                <a:lnTo>
                  <a:pt x="737431" y="3157538"/>
                </a:lnTo>
                <a:lnTo>
                  <a:pt x="627725" y="3157538"/>
                </a:lnTo>
                <a:lnTo>
                  <a:pt x="509897" y="3157538"/>
                </a:lnTo>
                <a:lnTo>
                  <a:pt x="383656" y="3157538"/>
                </a:lnTo>
                <a:lnTo>
                  <a:pt x="248711" y="3157538"/>
                </a:lnTo>
                <a:lnTo>
                  <a:pt x="104774" y="3157538"/>
                </a:lnTo>
                <a:cubicBezTo>
                  <a:pt x="61435" y="3157538"/>
                  <a:pt x="24169" y="3131288"/>
                  <a:pt x="8244" y="3093787"/>
                </a:cubicBezTo>
                <a:lnTo>
                  <a:pt x="0" y="3053096"/>
                </a:lnTo>
                <a:lnTo>
                  <a:pt x="0" y="104760"/>
                </a:lnTo>
                <a:lnTo>
                  <a:pt x="8244" y="64020"/>
                </a:lnTo>
                <a:cubicBezTo>
                  <a:pt x="24169" y="26429"/>
                  <a:pt x="61435" y="0"/>
                  <a:pt x="104774" y="0"/>
                </a:cubicBezTo>
                <a:close/>
              </a:path>
            </a:pathLst>
          </a:custGeom>
          <a:solidFill>
            <a:srgbClr val="FFFFFF">
              <a:alpha val="29804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468000" lvl="0" indent="-468000"/>
            <a:r>
              <a:rPr lang="en-GB" dirty="0"/>
              <a:t> </a:t>
            </a:r>
          </a:p>
        </p:txBody>
      </p:sp>
      <p:sp>
        <p:nvSpPr>
          <p:cNvPr id="90" name="Frame 2">
            <a:extLst>
              <a:ext uri="{FF2B5EF4-FFF2-40B4-BE49-F238E27FC236}">
                <a16:creationId xmlns:a16="http://schemas.microsoft.com/office/drawing/2014/main" id="{1EDB1D35-2A5C-3501-AF16-125756424FA9}"/>
              </a:ext>
            </a:extLst>
          </p:cNvPr>
          <p:cNvSpPr>
            <a:spLocks noGrp="1" noSelect="1"/>
          </p:cNvSpPr>
          <p:nvPr>
            <p:ph type="body" sz="quarter" idx="58" hasCustomPrompt="1"/>
          </p:nvPr>
        </p:nvSpPr>
        <p:spPr>
          <a:xfrm>
            <a:off x="1381126" y="2470151"/>
            <a:ext cx="1793874" cy="3157538"/>
          </a:xfrm>
          <a:custGeom>
            <a:avLst/>
            <a:gdLst>
              <a:gd name="connsiteX0" fmla="*/ 104774 w 1793874"/>
              <a:gd name="connsiteY0" fmla="*/ 0 h 3157538"/>
              <a:gd name="connsiteX1" fmla="*/ 107869 w 1793874"/>
              <a:gd name="connsiteY1" fmla="*/ 0 h 3157538"/>
              <a:gd name="connsiteX2" fmla="*/ 115220 w 1793874"/>
              <a:gd name="connsiteY2" fmla="*/ 0 h 3157538"/>
              <a:gd name="connsiteX3" fmla="*/ 129534 w 1793874"/>
              <a:gd name="connsiteY3" fmla="*/ 0 h 3157538"/>
              <a:gd name="connsiteX4" fmla="*/ 153134 w 1793874"/>
              <a:gd name="connsiteY4" fmla="*/ 0 h 3157538"/>
              <a:gd name="connsiteX5" fmla="*/ 188339 w 1793874"/>
              <a:gd name="connsiteY5" fmla="*/ 0 h 3157538"/>
              <a:gd name="connsiteX6" fmla="*/ 237472 w 1793874"/>
              <a:gd name="connsiteY6" fmla="*/ 0 h 3157538"/>
              <a:gd name="connsiteX7" fmla="*/ 302854 w 1793874"/>
              <a:gd name="connsiteY7" fmla="*/ 0 h 3157538"/>
              <a:gd name="connsiteX8" fmla="*/ 386806 w 1793874"/>
              <a:gd name="connsiteY8" fmla="*/ 0 h 3157538"/>
              <a:gd name="connsiteX9" fmla="*/ 491650 w 1793874"/>
              <a:gd name="connsiteY9" fmla="*/ 0 h 3157538"/>
              <a:gd name="connsiteX10" fmla="*/ 619706 w 1793874"/>
              <a:gd name="connsiteY10" fmla="*/ 0 h 3157538"/>
              <a:gd name="connsiteX11" fmla="*/ 773295 w 1793874"/>
              <a:gd name="connsiteY11" fmla="*/ 0 h 3157538"/>
              <a:gd name="connsiteX12" fmla="*/ 860391 w 1793874"/>
              <a:gd name="connsiteY12" fmla="*/ 0 h 3157538"/>
              <a:gd name="connsiteX13" fmla="*/ 954740 w 1793874"/>
              <a:gd name="connsiteY13" fmla="*/ 0 h 3157538"/>
              <a:gd name="connsiteX14" fmla="*/ 1056633 w 1793874"/>
              <a:gd name="connsiteY14" fmla="*/ 0 h 3157538"/>
              <a:gd name="connsiteX15" fmla="*/ 1166361 w 1793874"/>
              <a:gd name="connsiteY15" fmla="*/ 0 h 3157538"/>
              <a:gd name="connsiteX16" fmla="*/ 1284213 w 1793874"/>
              <a:gd name="connsiteY16" fmla="*/ 0 h 3157538"/>
              <a:gd name="connsiteX17" fmla="*/ 1410479 w 1793874"/>
              <a:gd name="connsiteY17" fmla="*/ 0 h 3157538"/>
              <a:gd name="connsiteX18" fmla="*/ 1545451 w 1793874"/>
              <a:gd name="connsiteY18" fmla="*/ 0 h 3157538"/>
              <a:gd name="connsiteX19" fmla="*/ 1689417 w 1793874"/>
              <a:gd name="connsiteY19" fmla="*/ 0 h 3157538"/>
              <a:gd name="connsiteX20" fmla="*/ 1793874 w 1793874"/>
              <a:gd name="connsiteY20" fmla="*/ 104765 h 3157538"/>
              <a:gd name="connsiteX21" fmla="*/ 1793874 w 1793874"/>
              <a:gd name="connsiteY21" fmla="*/ 3053091 h 3157538"/>
              <a:gd name="connsiteX22" fmla="*/ 1689417 w 1793874"/>
              <a:gd name="connsiteY22" fmla="*/ 3157538 h 3157538"/>
              <a:gd name="connsiteX23" fmla="*/ 1686322 w 1793874"/>
              <a:gd name="connsiteY23" fmla="*/ 3157538 h 3157538"/>
              <a:gd name="connsiteX24" fmla="*/ 1678971 w 1793874"/>
              <a:gd name="connsiteY24" fmla="*/ 3157538 h 3157538"/>
              <a:gd name="connsiteX25" fmla="*/ 1664657 w 1793874"/>
              <a:gd name="connsiteY25" fmla="*/ 3157538 h 3157538"/>
              <a:gd name="connsiteX26" fmla="*/ 1641057 w 1793874"/>
              <a:gd name="connsiteY26" fmla="*/ 3157538 h 3157538"/>
              <a:gd name="connsiteX27" fmla="*/ 1605851 w 1793874"/>
              <a:gd name="connsiteY27" fmla="*/ 3157538 h 3157538"/>
              <a:gd name="connsiteX28" fmla="*/ 1556718 w 1793874"/>
              <a:gd name="connsiteY28" fmla="*/ 3157538 h 3157538"/>
              <a:gd name="connsiteX29" fmla="*/ 1491336 w 1793874"/>
              <a:gd name="connsiteY29" fmla="*/ 3157538 h 3157538"/>
              <a:gd name="connsiteX30" fmla="*/ 1407384 w 1793874"/>
              <a:gd name="connsiteY30" fmla="*/ 3157538 h 3157538"/>
              <a:gd name="connsiteX31" fmla="*/ 1302541 w 1793874"/>
              <a:gd name="connsiteY31" fmla="*/ 3157538 h 3157538"/>
              <a:gd name="connsiteX32" fmla="*/ 1174485 w 1793874"/>
              <a:gd name="connsiteY32" fmla="*/ 3157538 h 3157538"/>
              <a:gd name="connsiteX33" fmla="*/ 1020896 w 1793874"/>
              <a:gd name="connsiteY33" fmla="*/ 3157538 h 3157538"/>
              <a:gd name="connsiteX34" fmla="*/ 933800 w 1793874"/>
              <a:gd name="connsiteY34" fmla="*/ 3157538 h 3157538"/>
              <a:gd name="connsiteX35" fmla="*/ 839451 w 1793874"/>
              <a:gd name="connsiteY35" fmla="*/ 3157538 h 3157538"/>
              <a:gd name="connsiteX36" fmla="*/ 737558 w 1793874"/>
              <a:gd name="connsiteY36" fmla="*/ 3157538 h 3157538"/>
              <a:gd name="connsiteX37" fmla="*/ 627830 w 1793874"/>
              <a:gd name="connsiteY37" fmla="*/ 3157538 h 3157538"/>
              <a:gd name="connsiteX38" fmla="*/ 509978 w 1793874"/>
              <a:gd name="connsiteY38" fmla="*/ 3157538 h 3157538"/>
              <a:gd name="connsiteX39" fmla="*/ 383711 w 1793874"/>
              <a:gd name="connsiteY39" fmla="*/ 3157538 h 3157538"/>
              <a:gd name="connsiteX40" fmla="*/ 248740 w 1793874"/>
              <a:gd name="connsiteY40" fmla="*/ 3157538 h 3157538"/>
              <a:gd name="connsiteX41" fmla="*/ 104774 w 1793874"/>
              <a:gd name="connsiteY41" fmla="*/ 3157538 h 3157538"/>
              <a:gd name="connsiteX42" fmla="*/ 8244 w 1793874"/>
              <a:gd name="connsiteY42" fmla="*/ 3093787 h 3157538"/>
              <a:gd name="connsiteX43" fmla="*/ 0 w 1793874"/>
              <a:gd name="connsiteY43" fmla="*/ 3053096 h 3157538"/>
              <a:gd name="connsiteX44" fmla="*/ 0 w 1793874"/>
              <a:gd name="connsiteY44" fmla="*/ 104760 h 3157538"/>
              <a:gd name="connsiteX45" fmla="*/ 8244 w 1793874"/>
              <a:gd name="connsiteY45" fmla="*/ 64020 h 3157538"/>
              <a:gd name="connsiteX46" fmla="*/ 104774 w 1793874"/>
              <a:gd name="connsiteY46" fmla="*/ 0 h 315753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</a:cxnLst>
            <a:rect l="l" t="t" r="r" b="b"/>
            <a:pathLst>
              <a:path w="1793874" h="3157538">
                <a:moveTo>
                  <a:pt x="104774" y="0"/>
                </a:moveTo>
                <a:lnTo>
                  <a:pt x="107869" y="0"/>
                </a:lnTo>
                <a:lnTo>
                  <a:pt x="115220" y="0"/>
                </a:lnTo>
                <a:lnTo>
                  <a:pt x="129534" y="0"/>
                </a:lnTo>
                <a:lnTo>
                  <a:pt x="153134" y="0"/>
                </a:lnTo>
                <a:lnTo>
                  <a:pt x="188339" y="0"/>
                </a:lnTo>
                <a:lnTo>
                  <a:pt x="237472" y="0"/>
                </a:lnTo>
                <a:lnTo>
                  <a:pt x="302854" y="0"/>
                </a:lnTo>
                <a:lnTo>
                  <a:pt x="386806" y="0"/>
                </a:lnTo>
                <a:lnTo>
                  <a:pt x="491650" y="0"/>
                </a:lnTo>
                <a:lnTo>
                  <a:pt x="619706" y="0"/>
                </a:lnTo>
                <a:lnTo>
                  <a:pt x="773295" y="0"/>
                </a:lnTo>
                <a:lnTo>
                  <a:pt x="860391" y="0"/>
                </a:lnTo>
                <a:lnTo>
                  <a:pt x="954740" y="0"/>
                </a:lnTo>
                <a:lnTo>
                  <a:pt x="1056633" y="0"/>
                </a:lnTo>
                <a:lnTo>
                  <a:pt x="1166361" y="0"/>
                </a:lnTo>
                <a:lnTo>
                  <a:pt x="1284213" y="0"/>
                </a:lnTo>
                <a:lnTo>
                  <a:pt x="1410479" y="0"/>
                </a:lnTo>
                <a:lnTo>
                  <a:pt x="1545451" y="0"/>
                </a:lnTo>
                <a:lnTo>
                  <a:pt x="1689417" y="0"/>
                </a:lnTo>
                <a:cubicBezTo>
                  <a:pt x="1747202" y="0"/>
                  <a:pt x="1793874" y="46985"/>
                  <a:pt x="1793874" y="104765"/>
                </a:cubicBezTo>
                <a:cubicBezTo>
                  <a:pt x="1793874" y="104765"/>
                  <a:pt x="1793874" y="104765"/>
                  <a:pt x="1793874" y="3053091"/>
                </a:cubicBezTo>
                <a:cubicBezTo>
                  <a:pt x="1793874" y="3110870"/>
                  <a:pt x="1747202" y="3157538"/>
                  <a:pt x="1689417" y="3157538"/>
                </a:cubicBezTo>
                <a:lnTo>
                  <a:pt x="1686322" y="3157538"/>
                </a:lnTo>
                <a:lnTo>
                  <a:pt x="1678971" y="3157538"/>
                </a:lnTo>
                <a:lnTo>
                  <a:pt x="1664657" y="3157538"/>
                </a:lnTo>
                <a:lnTo>
                  <a:pt x="1641057" y="3157538"/>
                </a:lnTo>
                <a:lnTo>
                  <a:pt x="1605851" y="3157538"/>
                </a:lnTo>
                <a:lnTo>
                  <a:pt x="1556718" y="3157538"/>
                </a:lnTo>
                <a:lnTo>
                  <a:pt x="1491336" y="3157538"/>
                </a:lnTo>
                <a:lnTo>
                  <a:pt x="1407384" y="3157538"/>
                </a:lnTo>
                <a:lnTo>
                  <a:pt x="1302541" y="3157538"/>
                </a:lnTo>
                <a:lnTo>
                  <a:pt x="1174485" y="3157538"/>
                </a:lnTo>
                <a:lnTo>
                  <a:pt x="1020896" y="3157538"/>
                </a:lnTo>
                <a:lnTo>
                  <a:pt x="933800" y="3157538"/>
                </a:lnTo>
                <a:lnTo>
                  <a:pt x="839451" y="3157538"/>
                </a:lnTo>
                <a:lnTo>
                  <a:pt x="737558" y="3157538"/>
                </a:lnTo>
                <a:lnTo>
                  <a:pt x="627830" y="3157538"/>
                </a:lnTo>
                <a:lnTo>
                  <a:pt x="509978" y="3157538"/>
                </a:lnTo>
                <a:lnTo>
                  <a:pt x="383711" y="3157538"/>
                </a:lnTo>
                <a:lnTo>
                  <a:pt x="248740" y="3157538"/>
                </a:lnTo>
                <a:lnTo>
                  <a:pt x="104774" y="3157538"/>
                </a:lnTo>
                <a:cubicBezTo>
                  <a:pt x="61435" y="3157538"/>
                  <a:pt x="24169" y="3131288"/>
                  <a:pt x="8244" y="3093787"/>
                </a:cubicBezTo>
                <a:lnTo>
                  <a:pt x="0" y="3053096"/>
                </a:lnTo>
                <a:lnTo>
                  <a:pt x="0" y="104760"/>
                </a:lnTo>
                <a:lnTo>
                  <a:pt x="8244" y="64020"/>
                </a:lnTo>
                <a:cubicBezTo>
                  <a:pt x="24169" y="26429"/>
                  <a:pt x="61435" y="0"/>
                  <a:pt x="104774" y="0"/>
                </a:cubicBezTo>
                <a:close/>
              </a:path>
            </a:pathLst>
          </a:custGeom>
          <a:solidFill>
            <a:srgbClr val="FFFFFF">
              <a:alpha val="29804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468000" lvl="0" indent="-468000"/>
            <a:r>
              <a:rPr lang="en-GB" dirty="0"/>
              <a:t> </a:t>
            </a:r>
          </a:p>
        </p:txBody>
      </p:sp>
      <p:sp>
        <p:nvSpPr>
          <p:cNvPr id="92" name="Frame 3">
            <a:extLst>
              <a:ext uri="{FF2B5EF4-FFF2-40B4-BE49-F238E27FC236}">
                <a16:creationId xmlns:a16="http://schemas.microsoft.com/office/drawing/2014/main" id="{F82A7F55-C119-AB34-E597-C203BB40BC9F}"/>
              </a:ext>
            </a:extLst>
          </p:cNvPr>
          <p:cNvSpPr>
            <a:spLocks noGrp="1" noSelect="1"/>
          </p:cNvSpPr>
          <p:nvPr>
            <p:ph type="body" sz="quarter" idx="59" hasCustomPrompt="1"/>
          </p:nvPr>
        </p:nvSpPr>
        <p:spPr>
          <a:xfrm>
            <a:off x="5191125" y="2470151"/>
            <a:ext cx="1792288" cy="3157538"/>
          </a:xfrm>
          <a:custGeom>
            <a:avLst/>
            <a:gdLst>
              <a:gd name="connsiteX0" fmla="*/ 104683 w 1792288"/>
              <a:gd name="connsiteY0" fmla="*/ 0 h 3157538"/>
              <a:gd name="connsiteX1" fmla="*/ 107774 w 1792288"/>
              <a:gd name="connsiteY1" fmla="*/ 0 h 3157538"/>
              <a:gd name="connsiteX2" fmla="*/ 115117 w 1792288"/>
              <a:gd name="connsiteY2" fmla="*/ 0 h 3157538"/>
              <a:gd name="connsiteX3" fmla="*/ 129416 w 1792288"/>
              <a:gd name="connsiteY3" fmla="*/ 0 h 3157538"/>
              <a:gd name="connsiteX4" fmla="*/ 152990 w 1792288"/>
              <a:gd name="connsiteY4" fmla="*/ 0 h 3157538"/>
              <a:gd name="connsiteX5" fmla="*/ 188157 w 1792288"/>
              <a:gd name="connsiteY5" fmla="*/ 0 h 3157538"/>
              <a:gd name="connsiteX6" fmla="*/ 237237 w 1792288"/>
              <a:gd name="connsiteY6" fmla="*/ 0 h 3157538"/>
              <a:gd name="connsiteX7" fmla="*/ 302548 w 1792288"/>
              <a:gd name="connsiteY7" fmla="*/ 0 h 3157538"/>
              <a:gd name="connsiteX8" fmla="*/ 386409 w 1792288"/>
              <a:gd name="connsiteY8" fmla="*/ 0 h 3157538"/>
              <a:gd name="connsiteX9" fmla="*/ 491139 w 1792288"/>
              <a:gd name="connsiteY9" fmla="*/ 0 h 3157538"/>
              <a:gd name="connsiteX10" fmla="*/ 619056 w 1792288"/>
              <a:gd name="connsiteY10" fmla="*/ 0 h 3157538"/>
              <a:gd name="connsiteX11" fmla="*/ 772479 w 1792288"/>
              <a:gd name="connsiteY11" fmla="*/ 0 h 3157538"/>
              <a:gd name="connsiteX12" fmla="*/ 859480 w 1792288"/>
              <a:gd name="connsiteY12" fmla="*/ 0 h 3157538"/>
              <a:gd name="connsiteX13" fmla="*/ 953726 w 1792288"/>
              <a:gd name="connsiteY13" fmla="*/ 0 h 3157538"/>
              <a:gd name="connsiteX14" fmla="*/ 1055509 w 1792288"/>
              <a:gd name="connsiteY14" fmla="*/ 0 h 3157538"/>
              <a:gd name="connsiteX15" fmla="*/ 1165118 w 1792288"/>
              <a:gd name="connsiteY15" fmla="*/ 0 h 3157538"/>
              <a:gd name="connsiteX16" fmla="*/ 1282842 w 1792288"/>
              <a:gd name="connsiteY16" fmla="*/ 0 h 3157538"/>
              <a:gd name="connsiteX17" fmla="*/ 1408972 w 1792288"/>
              <a:gd name="connsiteY17" fmla="*/ 0 h 3157538"/>
              <a:gd name="connsiteX18" fmla="*/ 1543796 w 1792288"/>
              <a:gd name="connsiteY18" fmla="*/ 0 h 3157538"/>
              <a:gd name="connsiteX19" fmla="*/ 1687606 w 1792288"/>
              <a:gd name="connsiteY19" fmla="*/ 0 h 3157538"/>
              <a:gd name="connsiteX20" fmla="*/ 1792288 w 1792288"/>
              <a:gd name="connsiteY20" fmla="*/ 104765 h 3157538"/>
              <a:gd name="connsiteX21" fmla="*/ 1792288 w 1792288"/>
              <a:gd name="connsiteY21" fmla="*/ 110523 h 3157538"/>
              <a:gd name="connsiteX22" fmla="*/ 1792288 w 1792288"/>
              <a:gd name="connsiteY22" fmla="*/ 124199 h 3157538"/>
              <a:gd name="connsiteX23" fmla="*/ 1792288 w 1792288"/>
              <a:gd name="connsiteY23" fmla="*/ 150832 h 3157538"/>
              <a:gd name="connsiteX24" fmla="*/ 1792288 w 1792288"/>
              <a:gd name="connsiteY24" fmla="*/ 194740 h 3157538"/>
              <a:gd name="connsiteX25" fmla="*/ 1792288 w 1792288"/>
              <a:gd name="connsiteY25" fmla="*/ 260243 h 3157538"/>
              <a:gd name="connsiteX26" fmla="*/ 1792288 w 1792288"/>
              <a:gd name="connsiteY26" fmla="*/ 351658 h 3157538"/>
              <a:gd name="connsiteX27" fmla="*/ 1792288 w 1792288"/>
              <a:gd name="connsiteY27" fmla="*/ 473305 h 3157538"/>
              <a:gd name="connsiteX28" fmla="*/ 1792288 w 1792288"/>
              <a:gd name="connsiteY28" fmla="*/ 629503 h 3157538"/>
              <a:gd name="connsiteX29" fmla="*/ 1792288 w 1792288"/>
              <a:gd name="connsiteY29" fmla="*/ 824571 h 3157538"/>
              <a:gd name="connsiteX30" fmla="*/ 1792288 w 1792288"/>
              <a:gd name="connsiteY30" fmla="*/ 1062827 h 3157538"/>
              <a:gd name="connsiteX31" fmla="*/ 1792288 w 1792288"/>
              <a:gd name="connsiteY31" fmla="*/ 1348590 h 3157538"/>
              <a:gd name="connsiteX32" fmla="*/ 1792288 w 1792288"/>
              <a:gd name="connsiteY32" fmla="*/ 1510636 h 3157538"/>
              <a:gd name="connsiteX33" fmla="*/ 1792288 w 1792288"/>
              <a:gd name="connsiteY33" fmla="*/ 1686179 h 3157538"/>
              <a:gd name="connsiteX34" fmla="*/ 1792288 w 1792288"/>
              <a:gd name="connsiteY34" fmla="*/ 1875758 h 3157538"/>
              <a:gd name="connsiteX35" fmla="*/ 1792288 w 1792288"/>
              <a:gd name="connsiteY35" fmla="*/ 2079913 h 3157538"/>
              <a:gd name="connsiteX36" fmla="*/ 1792288 w 1792288"/>
              <a:gd name="connsiteY36" fmla="*/ 2299184 h 3157538"/>
              <a:gd name="connsiteX37" fmla="*/ 1792288 w 1792288"/>
              <a:gd name="connsiteY37" fmla="*/ 2534111 h 3157538"/>
              <a:gd name="connsiteX38" fmla="*/ 1792288 w 1792288"/>
              <a:gd name="connsiteY38" fmla="*/ 2785233 h 3157538"/>
              <a:gd name="connsiteX39" fmla="*/ 1792288 w 1792288"/>
              <a:gd name="connsiteY39" fmla="*/ 3053091 h 3157538"/>
              <a:gd name="connsiteX40" fmla="*/ 1687606 w 1792288"/>
              <a:gd name="connsiteY40" fmla="*/ 3157538 h 3157538"/>
              <a:gd name="connsiteX41" fmla="*/ 1684515 w 1792288"/>
              <a:gd name="connsiteY41" fmla="*/ 3157538 h 3157538"/>
              <a:gd name="connsiteX42" fmla="*/ 1677172 w 1792288"/>
              <a:gd name="connsiteY42" fmla="*/ 3157538 h 3157538"/>
              <a:gd name="connsiteX43" fmla="*/ 1662873 w 1792288"/>
              <a:gd name="connsiteY43" fmla="*/ 3157538 h 3157538"/>
              <a:gd name="connsiteX44" fmla="*/ 1639299 w 1792288"/>
              <a:gd name="connsiteY44" fmla="*/ 3157538 h 3157538"/>
              <a:gd name="connsiteX45" fmla="*/ 1604132 w 1792288"/>
              <a:gd name="connsiteY45" fmla="*/ 3157538 h 3157538"/>
              <a:gd name="connsiteX46" fmla="*/ 1555052 w 1792288"/>
              <a:gd name="connsiteY46" fmla="*/ 3157538 h 3157538"/>
              <a:gd name="connsiteX47" fmla="*/ 1489741 w 1792288"/>
              <a:gd name="connsiteY47" fmla="*/ 3157538 h 3157538"/>
              <a:gd name="connsiteX48" fmla="*/ 1405880 w 1792288"/>
              <a:gd name="connsiteY48" fmla="*/ 3157538 h 3157538"/>
              <a:gd name="connsiteX49" fmla="*/ 1301150 w 1792288"/>
              <a:gd name="connsiteY49" fmla="*/ 3157538 h 3157538"/>
              <a:gd name="connsiteX50" fmla="*/ 1173233 w 1792288"/>
              <a:gd name="connsiteY50" fmla="*/ 3157538 h 3157538"/>
              <a:gd name="connsiteX51" fmla="*/ 1019810 w 1792288"/>
              <a:gd name="connsiteY51" fmla="*/ 3157538 h 3157538"/>
              <a:gd name="connsiteX52" fmla="*/ 932810 w 1792288"/>
              <a:gd name="connsiteY52" fmla="*/ 3157538 h 3157538"/>
              <a:gd name="connsiteX53" fmla="*/ 838563 w 1792288"/>
              <a:gd name="connsiteY53" fmla="*/ 3157538 h 3157538"/>
              <a:gd name="connsiteX54" fmla="*/ 736780 w 1792288"/>
              <a:gd name="connsiteY54" fmla="*/ 3157538 h 3157538"/>
              <a:gd name="connsiteX55" fmla="*/ 627171 w 1792288"/>
              <a:gd name="connsiteY55" fmla="*/ 3157538 h 3157538"/>
              <a:gd name="connsiteX56" fmla="*/ 509447 w 1792288"/>
              <a:gd name="connsiteY56" fmla="*/ 3157538 h 3157538"/>
              <a:gd name="connsiteX57" fmla="*/ 383317 w 1792288"/>
              <a:gd name="connsiteY57" fmla="*/ 3157538 h 3157538"/>
              <a:gd name="connsiteX58" fmla="*/ 248493 w 1792288"/>
              <a:gd name="connsiteY58" fmla="*/ 3157538 h 3157538"/>
              <a:gd name="connsiteX59" fmla="*/ 104683 w 1792288"/>
              <a:gd name="connsiteY59" fmla="*/ 3157538 h 3157538"/>
              <a:gd name="connsiteX60" fmla="*/ 0 w 1792288"/>
              <a:gd name="connsiteY60" fmla="*/ 3053091 h 3157538"/>
              <a:gd name="connsiteX61" fmla="*/ 0 w 1792288"/>
              <a:gd name="connsiteY61" fmla="*/ 3047333 h 3157538"/>
              <a:gd name="connsiteX62" fmla="*/ 0 w 1792288"/>
              <a:gd name="connsiteY62" fmla="*/ 3033656 h 3157538"/>
              <a:gd name="connsiteX63" fmla="*/ 0 w 1792288"/>
              <a:gd name="connsiteY63" fmla="*/ 3007024 h 3157538"/>
              <a:gd name="connsiteX64" fmla="*/ 0 w 1792288"/>
              <a:gd name="connsiteY64" fmla="*/ 2963115 h 3157538"/>
              <a:gd name="connsiteX65" fmla="*/ 0 w 1792288"/>
              <a:gd name="connsiteY65" fmla="*/ 2897613 h 3157538"/>
              <a:gd name="connsiteX66" fmla="*/ 0 w 1792288"/>
              <a:gd name="connsiteY66" fmla="*/ 2806198 h 3157538"/>
              <a:gd name="connsiteX67" fmla="*/ 0 w 1792288"/>
              <a:gd name="connsiteY67" fmla="*/ 2684550 h 3157538"/>
              <a:gd name="connsiteX68" fmla="*/ 0 w 1792288"/>
              <a:gd name="connsiteY68" fmla="*/ 2528352 h 3157538"/>
              <a:gd name="connsiteX69" fmla="*/ 0 w 1792288"/>
              <a:gd name="connsiteY69" fmla="*/ 2333285 h 3157538"/>
              <a:gd name="connsiteX70" fmla="*/ 0 w 1792288"/>
              <a:gd name="connsiteY70" fmla="*/ 2095029 h 3157538"/>
              <a:gd name="connsiteX71" fmla="*/ 0 w 1792288"/>
              <a:gd name="connsiteY71" fmla="*/ 1809266 h 3157538"/>
              <a:gd name="connsiteX72" fmla="*/ 0 w 1792288"/>
              <a:gd name="connsiteY72" fmla="*/ 1647220 h 3157538"/>
              <a:gd name="connsiteX73" fmla="*/ 0 w 1792288"/>
              <a:gd name="connsiteY73" fmla="*/ 1471677 h 3157538"/>
              <a:gd name="connsiteX74" fmla="*/ 0 w 1792288"/>
              <a:gd name="connsiteY74" fmla="*/ 1282098 h 3157538"/>
              <a:gd name="connsiteX75" fmla="*/ 0 w 1792288"/>
              <a:gd name="connsiteY75" fmla="*/ 1077943 h 3157538"/>
              <a:gd name="connsiteX76" fmla="*/ 0 w 1792288"/>
              <a:gd name="connsiteY76" fmla="*/ 858672 h 3157538"/>
              <a:gd name="connsiteX77" fmla="*/ 0 w 1792288"/>
              <a:gd name="connsiteY77" fmla="*/ 623745 h 3157538"/>
              <a:gd name="connsiteX78" fmla="*/ 0 w 1792288"/>
              <a:gd name="connsiteY78" fmla="*/ 372623 h 3157538"/>
              <a:gd name="connsiteX79" fmla="*/ 0 w 1792288"/>
              <a:gd name="connsiteY79" fmla="*/ 104765 h 3157538"/>
              <a:gd name="connsiteX80" fmla="*/ 104683 w 1792288"/>
              <a:gd name="connsiteY80" fmla="*/ 0 h 315753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</a:cxnLst>
            <a:rect l="l" t="t" r="r" b="b"/>
            <a:pathLst>
              <a:path w="1792288" h="3157538">
                <a:moveTo>
                  <a:pt x="104683" y="0"/>
                </a:moveTo>
                <a:lnTo>
                  <a:pt x="107774" y="0"/>
                </a:lnTo>
                <a:lnTo>
                  <a:pt x="115117" y="0"/>
                </a:lnTo>
                <a:lnTo>
                  <a:pt x="129416" y="0"/>
                </a:lnTo>
                <a:lnTo>
                  <a:pt x="152990" y="0"/>
                </a:lnTo>
                <a:lnTo>
                  <a:pt x="188157" y="0"/>
                </a:lnTo>
                <a:lnTo>
                  <a:pt x="237237" y="0"/>
                </a:lnTo>
                <a:lnTo>
                  <a:pt x="302548" y="0"/>
                </a:lnTo>
                <a:lnTo>
                  <a:pt x="386409" y="0"/>
                </a:lnTo>
                <a:lnTo>
                  <a:pt x="491139" y="0"/>
                </a:lnTo>
                <a:lnTo>
                  <a:pt x="619056" y="0"/>
                </a:lnTo>
                <a:lnTo>
                  <a:pt x="772479" y="0"/>
                </a:lnTo>
                <a:lnTo>
                  <a:pt x="859480" y="0"/>
                </a:lnTo>
                <a:lnTo>
                  <a:pt x="953726" y="0"/>
                </a:lnTo>
                <a:lnTo>
                  <a:pt x="1055509" y="0"/>
                </a:lnTo>
                <a:lnTo>
                  <a:pt x="1165118" y="0"/>
                </a:lnTo>
                <a:lnTo>
                  <a:pt x="1282842" y="0"/>
                </a:lnTo>
                <a:lnTo>
                  <a:pt x="1408972" y="0"/>
                </a:lnTo>
                <a:lnTo>
                  <a:pt x="1543796" y="0"/>
                </a:lnTo>
                <a:lnTo>
                  <a:pt x="1687606" y="0"/>
                </a:lnTo>
                <a:cubicBezTo>
                  <a:pt x="1745340" y="0"/>
                  <a:pt x="1792288" y="46985"/>
                  <a:pt x="1792288" y="104765"/>
                </a:cubicBezTo>
                <a:lnTo>
                  <a:pt x="1792288" y="110523"/>
                </a:lnTo>
                <a:lnTo>
                  <a:pt x="1792288" y="124199"/>
                </a:lnTo>
                <a:lnTo>
                  <a:pt x="1792288" y="150832"/>
                </a:lnTo>
                <a:lnTo>
                  <a:pt x="1792288" y="194740"/>
                </a:lnTo>
                <a:lnTo>
                  <a:pt x="1792288" y="260243"/>
                </a:lnTo>
                <a:lnTo>
                  <a:pt x="1792288" y="351658"/>
                </a:lnTo>
                <a:lnTo>
                  <a:pt x="1792288" y="473305"/>
                </a:lnTo>
                <a:lnTo>
                  <a:pt x="1792288" y="629503"/>
                </a:lnTo>
                <a:lnTo>
                  <a:pt x="1792288" y="824571"/>
                </a:lnTo>
                <a:lnTo>
                  <a:pt x="1792288" y="1062827"/>
                </a:lnTo>
                <a:lnTo>
                  <a:pt x="1792288" y="1348590"/>
                </a:lnTo>
                <a:lnTo>
                  <a:pt x="1792288" y="1510636"/>
                </a:lnTo>
                <a:lnTo>
                  <a:pt x="1792288" y="1686179"/>
                </a:lnTo>
                <a:lnTo>
                  <a:pt x="1792288" y="1875758"/>
                </a:lnTo>
                <a:lnTo>
                  <a:pt x="1792288" y="2079913"/>
                </a:lnTo>
                <a:lnTo>
                  <a:pt x="1792288" y="2299184"/>
                </a:lnTo>
                <a:lnTo>
                  <a:pt x="1792288" y="2534111"/>
                </a:lnTo>
                <a:lnTo>
                  <a:pt x="1792288" y="2785233"/>
                </a:lnTo>
                <a:lnTo>
                  <a:pt x="1792288" y="3053091"/>
                </a:lnTo>
                <a:cubicBezTo>
                  <a:pt x="1792288" y="3110870"/>
                  <a:pt x="1745340" y="3157538"/>
                  <a:pt x="1687606" y="3157538"/>
                </a:cubicBezTo>
                <a:lnTo>
                  <a:pt x="1684515" y="3157538"/>
                </a:lnTo>
                <a:lnTo>
                  <a:pt x="1677172" y="3157538"/>
                </a:lnTo>
                <a:lnTo>
                  <a:pt x="1662873" y="3157538"/>
                </a:lnTo>
                <a:lnTo>
                  <a:pt x="1639299" y="3157538"/>
                </a:lnTo>
                <a:lnTo>
                  <a:pt x="1604132" y="3157538"/>
                </a:lnTo>
                <a:lnTo>
                  <a:pt x="1555052" y="3157538"/>
                </a:lnTo>
                <a:lnTo>
                  <a:pt x="1489741" y="3157538"/>
                </a:lnTo>
                <a:lnTo>
                  <a:pt x="1405880" y="3157538"/>
                </a:lnTo>
                <a:lnTo>
                  <a:pt x="1301150" y="3157538"/>
                </a:lnTo>
                <a:lnTo>
                  <a:pt x="1173233" y="3157538"/>
                </a:lnTo>
                <a:lnTo>
                  <a:pt x="1019810" y="3157538"/>
                </a:lnTo>
                <a:lnTo>
                  <a:pt x="932810" y="3157538"/>
                </a:lnTo>
                <a:lnTo>
                  <a:pt x="838563" y="3157538"/>
                </a:lnTo>
                <a:lnTo>
                  <a:pt x="736780" y="3157538"/>
                </a:lnTo>
                <a:lnTo>
                  <a:pt x="627171" y="3157538"/>
                </a:lnTo>
                <a:lnTo>
                  <a:pt x="509447" y="3157538"/>
                </a:lnTo>
                <a:lnTo>
                  <a:pt x="383317" y="3157538"/>
                </a:lnTo>
                <a:lnTo>
                  <a:pt x="248493" y="3157538"/>
                </a:lnTo>
                <a:lnTo>
                  <a:pt x="104683" y="3157538"/>
                </a:lnTo>
                <a:cubicBezTo>
                  <a:pt x="46949" y="3157538"/>
                  <a:pt x="0" y="3110870"/>
                  <a:pt x="0" y="3053091"/>
                </a:cubicBezTo>
                <a:lnTo>
                  <a:pt x="0" y="3047333"/>
                </a:lnTo>
                <a:lnTo>
                  <a:pt x="0" y="3033656"/>
                </a:lnTo>
                <a:lnTo>
                  <a:pt x="0" y="3007024"/>
                </a:lnTo>
                <a:lnTo>
                  <a:pt x="0" y="2963115"/>
                </a:lnTo>
                <a:lnTo>
                  <a:pt x="0" y="2897613"/>
                </a:lnTo>
                <a:lnTo>
                  <a:pt x="0" y="2806198"/>
                </a:lnTo>
                <a:lnTo>
                  <a:pt x="0" y="2684550"/>
                </a:lnTo>
                <a:lnTo>
                  <a:pt x="0" y="2528352"/>
                </a:lnTo>
                <a:lnTo>
                  <a:pt x="0" y="2333285"/>
                </a:lnTo>
                <a:lnTo>
                  <a:pt x="0" y="2095029"/>
                </a:lnTo>
                <a:lnTo>
                  <a:pt x="0" y="1809266"/>
                </a:lnTo>
                <a:lnTo>
                  <a:pt x="0" y="1647220"/>
                </a:lnTo>
                <a:lnTo>
                  <a:pt x="0" y="1471677"/>
                </a:lnTo>
                <a:lnTo>
                  <a:pt x="0" y="1282098"/>
                </a:lnTo>
                <a:lnTo>
                  <a:pt x="0" y="1077943"/>
                </a:lnTo>
                <a:lnTo>
                  <a:pt x="0" y="858672"/>
                </a:lnTo>
                <a:lnTo>
                  <a:pt x="0" y="623745"/>
                </a:lnTo>
                <a:lnTo>
                  <a:pt x="0" y="372623"/>
                </a:lnTo>
                <a:lnTo>
                  <a:pt x="0" y="104765"/>
                </a:lnTo>
                <a:cubicBezTo>
                  <a:pt x="0" y="46985"/>
                  <a:pt x="46949" y="0"/>
                  <a:pt x="104683" y="0"/>
                </a:cubicBezTo>
                <a:close/>
              </a:path>
            </a:pathLst>
          </a:custGeom>
          <a:solidFill>
            <a:srgbClr val="FFFFFF">
              <a:alpha val="29804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468000" lvl="0" indent="-468000"/>
            <a:r>
              <a:rPr lang="en-GB" dirty="0"/>
              <a:t> </a:t>
            </a:r>
          </a:p>
        </p:txBody>
      </p:sp>
      <p:sp>
        <p:nvSpPr>
          <p:cNvPr id="94" name="Frame 4">
            <a:extLst>
              <a:ext uri="{FF2B5EF4-FFF2-40B4-BE49-F238E27FC236}">
                <a16:creationId xmlns:a16="http://schemas.microsoft.com/office/drawing/2014/main" id="{9F41235D-B021-A808-40AB-AC6633EEA8AF}"/>
              </a:ext>
            </a:extLst>
          </p:cNvPr>
          <p:cNvSpPr>
            <a:spLocks noGrp="1" noSelect="1"/>
          </p:cNvSpPr>
          <p:nvPr>
            <p:ph type="body" sz="quarter" idx="60" hasCustomPrompt="1"/>
          </p:nvPr>
        </p:nvSpPr>
        <p:spPr>
          <a:xfrm>
            <a:off x="7094539" y="2470151"/>
            <a:ext cx="1793874" cy="3157538"/>
          </a:xfrm>
          <a:custGeom>
            <a:avLst/>
            <a:gdLst>
              <a:gd name="connsiteX0" fmla="*/ 104457 w 1793874"/>
              <a:gd name="connsiteY0" fmla="*/ 0 h 3157538"/>
              <a:gd name="connsiteX1" fmla="*/ 107552 w 1793874"/>
              <a:gd name="connsiteY1" fmla="*/ 0 h 3157538"/>
              <a:gd name="connsiteX2" fmla="*/ 114902 w 1793874"/>
              <a:gd name="connsiteY2" fmla="*/ 0 h 3157538"/>
              <a:gd name="connsiteX3" fmla="*/ 129217 w 1793874"/>
              <a:gd name="connsiteY3" fmla="*/ 0 h 3157538"/>
              <a:gd name="connsiteX4" fmla="*/ 152816 w 1793874"/>
              <a:gd name="connsiteY4" fmla="*/ 0 h 3157538"/>
              <a:gd name="connsiteX5" fmla="*/ 188022 w 1793874"/>
              <a:gd name="connsiteY5" fmla="*/ 0 h 3157538"/>
              <a:gd name="connsiteX6" fmla="*/ 237155 w 1793874"/>
              <a:gd name="connsiteY6" fmla="*/ 0 h 3157538"/>
              <a:gd name="connsiteX7" fmla="*/ 302537 w 1793874"/>
              <a:gd name="connsiteY7" fmla="*/ 0 h 3157538"/>
              <a:gd name="connsiteX8" fmla="*/ 386489 w 1793874"/>
              <a:gd name="connsiteY8" fmla="*/ 0 h 3157538"/>
              <a:gd name="connsiteX9" fmla="*/ 491332 w 1793874"/>
              <a:gd name="connsiteY9" fmla="*/ 0 h 3157538"/>
              <a:gd name="connsiteX10" fmla="*/ 619388 w 1793874"/>
              <a:gd name="connsiteY10" fmla="*/ 0 h 3157538"/>
              <a:gd name="connsiteX11" fmla="*/ 772978 w 1793874"/>
              <a:gd name="connsiteY11" fmla="*/ 0 h 3157538"/>
              <a:gd name="connsiteX12" fmla="*/ 860073 w 1793874"/>
              <a:gd name="connsiteY12" fmla="*/ 0 h 3157538"/>
              <a:gd name="connsiteX13" fmla="*/ 954422 w 1793874"/>
              <a:gd name="connsiteY13" fmla="*/ 0 h 3157538"/>
              <a:gd name="connsiteX14" fmla="*/ 1056316 w 1793874"/>
              <a:gd name="connsiteY14" fmla="*/ 0 h 3157538"/>
              <a:gd name="connsiteX15" fmla="*/ 1166043 w 1793874"/>
              <a:gd name="connsiteY15" fmla="*/ 0 h 3157538"/>
              <a:gd name="connsiteX16" fmla="*/ 1283895 w 1793874"/>
              <a:gd name="connsiteY16" fmla="*/ 0 h 3157538"/>
              <a:gd name="connsiteX17" fmla="*/ 1410162 w 1793874"/>
              <a:gd name="connsiteY17" fmla="*/ 0 h 3157538"/>
              <a:gd name="connsiteX18" fmla="*/ 1545133 w 1793874"/>
              <a:gd name="connsiteY18" fmla="*/ 0 h 3157538"/>
              <a:gd name="connsiteX19" fmla="*/ 1689099 w 1793874"/>
              <a:gd name="connsiteY19" fmla="*/ 0 h 3157538"/>
              <a:gd name="connsiteX20" fmla="*/ 1793874 w 1793874"/>
              <a:gd name="connsiteY20" fmla="*/ 104765 h 3157538"/>
              <a:gd name="connsiteX21" fmla="*/ 1793874 w 1793874"/>
              <a:gd name="connsiteY21" fmla="*/ 3053091 h 3157538"/>
              <a:gd name="connsiteX22" fmla="*/ 1689099 w 1793874"/>
              <a:gd name="connsiteY22" fmla="*/ 3157538 h 3157538"/>
              <a:gd name="connsiteX23" fmla="*/ 1686004 w 1793874"/>
              <a:gd name="connsiteY23" fmla="*/ 3157538 h 3157538"/>
              <a:gd name="connsiteX24" fmla="*/ 1678653 w 1793874"/>
              <a:gd name="connsiteY24" fmla="*/ 3157538 h 3157538"/>
              <a:gd name="connsiteX25" fmla="*/ 1664339 w 1793874"/>
              <a:gd name="connsiteY25" fmla="*/ 3157538 h 3157538"/>
              <a:gd name="connsiteX26" fmla="*/ 1640740 w 1793874"/>
              <a:gd name="connsiteY26" fmla="*/ 3157538 h 3157538"/>
              <a:gd name="connsiteX27" fmla="*/ 1605534 w 1793874"/>
              <a:gd name="connsiteY27" fmla="*/ 3157538 h 3157538"/>
              <a:gd name="connsiteX28" fmla="*/ 1556401 w 1793874"/>
              <a:gd name="connsiteY28" fmla="*/ 3157538 h 3157538"/>
              <a:gd name="connsiteX29" fmla="*/ 1491019 w 1793874"/>
              <a:gd name="connsiteY29" fmla="*/ 3157538 h 3157538"/>
              <a:gd name="connsiteX30" fmla="*/ 1407067 w 1793874"/>
              <a:gd name="connsiteY30" fmla="*/ 3157538 h 3157538"/>
              <a:gd name="connsiteX31" fmla="*/ 1302223 w 1793874"/>
              <a:gd name="connsiteY31" fmla="*/ 3157538 h 3157538"/>
              <a:gd name="connsiteX32" fmla="*/ 1174168 w 1793874"/>
              <a:gd name="connsiteY32" fmla="*/ 3157538 h 3157538"/>
              <a:gd name="connsiteX33" fmla="*/ 1020578 w 1793874"/>
              <a:gd name="connsiteY33" fmla="*/ 3157538 h 3157538"/>
              <a:gd name="connsiteX34" fmla="*/ 933483 w 1793874"/>
              <a:gd name="connsiteY34" fmla="*/ 3157538 h 3157538"/>
              <a:gd name="connsiteX35" fmla="*/ 839134 w 1793874"/>
              <a:gd name="connsiteY35" fmla="*/ 3157538 h 3157538"/>
              <a:gd name="connsiteX36" fmla="*/ 737240 w 1793874"/>
              <a:gd name="connsiteY36" fmla="*/ 3157538 h 3157538"/>
              <a:gd name="connsiteX37" fmla="*/ 627513 w 1793874"/>
              <a:gd name="connsiteY37" fmla="*/ 3157538 h 3157538"/>
              <a:gd name="connsiteX38" fmla="*/ 509661 w 1793874"/>
              <a:gd name="connsiteY38" fmla="*/ 3157538 h 3157538"/>
              <a:gd name="connsiteX39" fmla="*/ 383394 w 1793874"/>
              <a:gd name="connsiteY39" fmla="*/ 3157538 h 3157538"/>
              <a:gd name="connsiteX40" fmla="*/ 248423 w 1793874"/>
              <a:gd name="connsiteY40" fmla="*/ 3157538 h 3157538"/>
              <a:gd name="connsiteX41" fmla="*/ 104457 w 1793874"/>
              <a:gd name="connsiteY41" fmla="*/ 3157538 h 3157538"/>
              <a:gd name="connsiteX42" fmla="*/ 8195 w 1793874"/>
              <a:gd name="connsiteY42" fmla="*/ 3093787 h 3157538"/>
              <a:gd name="connsiteX43" fmla="*/ 0 w 1793874"/>
              <a:gd name="connsiteY43" fmla="*/ 3053096 h 3157538"/>
              <a:gd name="connsiteX44" fmla="*/ 0 w 1793874"/>
              <a:gd name="connsiteY44" fmla="*/ 104760 h 3157538"/>
              <a:gd name="connsiteX45" fmla="*/ 8195 w 1793874"/>
              <a:gd name="connsiteY45" fmla="*/ 64020 h 3157538"/>
              <a:gd name="connsiteX46" fmla="*/ 104457 w 1793874"/>
              <a:gd name="connsiteY46" fmla="*/ 0 h 315753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</a:cxnLst>
            <a:rect l="l" t="t" r="r" b="b"/>
            <a:pathLst>
              <a:path w="1793874" h="3157538">
                <a:moveTo>
                  <a:pt x="104457" y="0"/>
                </a:moveTo>
                <a:lnTo>
                  <a:pt x="107552" y="0"/>
                </a:lnTo>
                <a:lnTo>
                  <a:pt x="114902" y="0"/>
                </a:lnTo>
                <a:lnTo>
                  <a:pt x="129217" y="0"/>
                </a:lnTo>
                <a:lnTo>
                  <a:pt x="152816" y="0"/>
                </a:lnTo>
                <a:lnTo>
                  <a:pt x="188022" y="0"/>
                </a:lnTo>
                <a:lnTo>
                  <a:pt x="237155" y="0"/>
                </a:lnTo>
                <a:lnTo>
                  <a:pt x="302537" y="0"/>
                </a:lnTo>
                <a:lnTo>
                  <a:pt x="386489" y="0"/>
                </a:lnTo>
                <a:lnTo>
                  <a:pt x="491332" y="0"/>
                </a:lnTo>
                <a:lnTo>
                  <a:pt x="619388" y="0"/>
                </a:lnTo>
                <a:lnTo>
                  <a:pt x="772978" y="0"/>
                </a:lnTo>
                <a:lnTo>
                  <a:pt x="860073" y="0"/>
                </a:lnTo>
                <a:lnTo>
                  <a:pt x="954422" y="0"/>
                </a:lnTo>
                <a:lnTo>
                  <a:pt x="1056316" y="0"/>
                </a:lnTo>
                <a:lnTo>
                  <a:pt x="1166043" y="0"/>
                </a:lnTo>
                <a:lnTo>
                  <a:pt x="1283895" y="0"/>
                </a:lnTo>
                <a:lnTo>
                  <a:pt x="1410162" y="0"/>
                </a:lnTo>
                <a:lnTo>
                  <a:pt x="1545133" y="0"/>
                </a:lnTo>
                <a:lnTo>
                  <a:pt x="1689099" y="0"/>
                </a:lnTo>
                <a:cubicBezTo>
                  <a:pt x="1746884" y="0"/>
                  <a:pt x="1793874" y="46985"/>
                  <a:pt x="1793874" y="104765"/>
                </a:cubicBezTo>
                <a:cubicBezTo>
                  <a:pt x="1793874" y="104765"/>
                  <a:pt x="1793874" y="104765"/>
                  <a:pt x="1793874" y="3053091"/>
                </a:cubicBezTo>
                <a:cubicBezTo>
                  <a:pt x="1793874" y="3110870"/>
                  <a:pt x="1746884" y="3157538"/>
                  <a:pt x="1689099" y="3157538"/>
                </a:cubicBezTo>
                <a:lnTo>
                  <a:pt x="1686004" y="3157538"/>
                </a:lnTo>
                <a:lnTo>
                  <a:pt x="1678653" y="3157538"/>
                </a:lnTo>
                <a:lnTo>
                  <a:pt x="1664339" y="3157538"/>
                </a:lnTo>
                <a:lnTo>
                  <a:pt x="1640740" y="3157538"/>
                </a:lnTo>
                <a:lnTo>
                  <a:pt x="1605534" y="3157538"/>
                </a:lnTo>
                <a:lnTo>
                  <a:pt x="1556401" y="3157538"/>
                </a:lnTo>
                <a:lnTo>
                  <a:pt x="1491019" y="3157538"/>
                </a:lnTo>
                <a:lnTo>
                  <a:pt x="1407067" y="3157538"/>
                </a:lnTo>
                <a:lnTo>
                  <a:pt x="1302223" y="3157538"/>
                </a:lnTo>
                <a:lnTo>
                  <a:pt x="1174168" y="3157538"/>
                </a:lnTo>
                <a:lnTo>
                  <a:pt x="1020578" y="3157538"/>
                </a:lnTo>
                <a:lnTo>
                  <a:pt x="933483" y="3157538"/>
                </a:lnTo>
                <a:lnTo>
                  <a:pt x="839134" y="3157538"/>
                </a:lnTo>
                <a:lnTo>
                  <a:pt x="737240" y="3157538"/>
                </a:lnTo>
                <a:lnTo>
                  <a:pt x="627513" y="3157538"/>
                </a:lnTo>
                <a:lnTo>
                  <a:pt x="509661" y="3157538"/>
                </a:lnTo>
                <a:lnTo>
                  <a:pt x="383394" y="3157538"/>
                </a:lnTo>
                <a:lnTo>
                  <a:pt x="248423" y="3157538"/>
                </a:lnTo>
                <a:lnTo>
                  <a:pt x="104457" y="3157538"/>
                </a:lnTo>
                <a:cubicBezTo>
                  <a:pt x="61118" y="3157538"/>
                  <a:pt x="24030" y="3131288"/>
                  <a:pt x="8195" y="3093787"/>
                </a:cubicBezTo>
                <a:lnTo>
                  <a:pt x="0" y="3053096"/>
                </a:lnTo>
                <a:lnTo>
                  <a:pt x="0" y="104760"/>
                </a:lnTo>
                <a:lnTo>
                  <a:pt x="8195" y="64020"/>
                </a:lnTo>
                <a:cubicBezTo>
                  <a:pt x="24030" y="26429"/>
                  <a:pt x="61118" y="0"/>
                  <a:pt x="104457" y="0"/>
                </a:cubicBezTo>
                <a:close/>
              </a:path>
            </a:pathLst>
          </a:custGeom>
          <a:solidFill>
            <a:srgbClr val="FFFFFF">
              <a:alpha val="29804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468000" lvl="0" indent="-468000"/>
            <a:r>
              <a:rPr lang="en-GB" dirty="0"/>
              <a:t> </a:t>
            </a:r>
          </a:p>
        </p:txBody>
      </p:sp>
      <p:sp>
        <p:nvSpPr>
          <p:cNvPr id="96" name="Frame 5">
            <a:extLst>
              <a:ext uri="{FF2B5EF4-FFF2-40B4-BE49-F238E27FC236}">
                <a16:creationId xmlns:a16="http://schemas.microsoft.com/office/drawing/2014/main" id="{1907450D-D343-BB64-E159-90FDC93EE65C}"/>
              </a:ext>
            </a:extLst>
          </p:cNvPr>
          <p:cNvSpPr>
            <a:spLocks noGrp="1" noSelect="1"/>
          </p:cNvSpPr>
          <p:nvPr>
            <p:ph type="body" sz="quarter" idx="61" hasCustomPrompt="1"/>
          </p:nvPr>
        </p:nvSpPr>
        <p:spPr>
          <a:xfrm>
            <a:off x="9002714" y="2470151"/>
            <a:ext cx="1793874" cy="3157538"/>
          </a:xfrm>
          <a:custGeom>
            <a:avLst/>
            <a:gdLst>
              <a:gd name="connsiteX0" fmla="*/ 104456 w 1793874"/>
              <a:gd name="connsiteY0" fmla="*/ 0 h 3157538"/>
              <a:gd name="connsiteX1" fmla="*/ 107551 w 1793874"/>
              <a:gd name="connsiteY1" fmla="*/ 0 h 3157538"/>
              <a:gd name="connsiteX2" fmla="*/ 114902 w 1793874"/>
              <a:gd name="connsiteY2" fmla="*/ 0 h 3157538"/>
              <a:gd name="connsiteX3" fmla="*/ 129216 w 1793874"/>
              <a:gd name="connsiteY3" fmla="*/ 0 h 3157538"/>
              <a:gd name="connsiteX4" fmla="*/ 152816 w 1793874"/>
              <a:gd name="connsiteY4" fmla="*/ 0 h 3157538"/>
              <a:gd name="connsiteX5" fmla="*/ 188021 w 1793874"/>
              <a:gd name="connsiteY5" fmla="*/ 0 h 3157538"/>
              <a:gd name="connsiteX6" fmla="*/ 237154 w 1793874"/>
              <a:gd name="connsiteY6" fmla="*/ 0 h 3157538"/>
              <a:gd name="connsiteX7" fmla="*/ 302536 w 1793874"/>
              <a:gd name="connsiteY7" fmla="*/ 0 h 3157538"/>
              <a:gd name="connsiteX8" fmla="*/ 386488 w 1793874"/>
              <a:gd name="connsiteY8" fmla="*/ 0 h 3157538"/>
              <a:gd name="connsiteX9" fmla="*/ 491332 w 1793874"/>
              <a:gd name="connsiteY9" fmla="*/ 0 h 3157538"/>
              <a:gd name="connsiteX10" fmla="*/ 619388 w 1793874"/>
              <a:gd name="connsiteY10" fmla="*/ 0 h 3157538"/>
              <a:gd name="connsiteX11" fmla="*/ 772977 w 1793874"/>
              <a:gd name="connsiteY11" fmla="*/ 0 h 3157538"/>
              <a:gd name="connsiteX12" fmla="*/ 860073 w 1793874"/>
              <a:gd name="connsiteY12" fmla="*/ 0 h 3157538"/>
              <a:gd name="connsiteX13" fmla="*/ 954422 w 1793874"/>
              <a:gd name="connsiteY13" fmla="*/ 0 h 3157538"/>
              <a:gd name="connsiteX14" fmla="*/ 1056315 w 1793874"/>
              <a:gd name="connsiteY14" fmla="*/ 0 h 3157538"/>
              <a:gd name="connsiteX15" fmla="*/ 1166043 w 1793874"/>
              <a:gd name="connsiteY15" fmla="*/ 0 h 3157538"/>
              <a:gd name="connsiteX16" fmla="*/ 1283895 w 1793874"/>
              <a:gd name="connsiteY16" fmla="*/ 0 h 3157538"/>
              <a:gd name="connsiteX17" fmla="*/ 1410162 w 1793874"/>
              <a:gd name="connsiteY17" fmla="*/ 0 h 3157538"/>
              <a:gd name="connsiteX18" fmla="*/ 1545133 w 1793874"/>
              <a:gd name="connsiteY18" fmla="*/ 0 h 3157538"/>
              <a:gd name="connsiteX19" fmla="*/ 1689099 w 1793874"/>
              <a:gd name="connsiteY19" fmla="*/ 0 h 3157538"/>
              <a:gd name="connsiteX20" fmla="*/ 1793874 w 1793874"/>
              <a:gd name="connsiteY20" fmla="*/ 104765 h 3157538"/>
              <a:gd name="connsiteX21" fmla="*/ 1793874 w 1793874"/>
              <a:gd name="connsiteY21" fmla="*/ 3053091 h 3157538"/>
              <a:gd name="connsiteX22" fmla="*/ 1689099 w 1793874"/>
              <a:gd name="connsiteY22" fmla="*/ 3157538 h 3157538"/>
              <a:gd name="connsiteX23" fmla="*/ 1686004 w 1793874"/>
              <a:gd name="connsiteY23" fmla="*/ 3157538 h 3157538"/>
              <a:gd name="connsiteX24" fmla="*/ 1678653 w 1793874"/>
              <a:gd name="connsiteY24" fmla="*/ 3157538 h 3157538"/>
              <a:gd name="connsiteX25" fmla="*/ 1664339 w 1793874"/>
              <a:gd name="connsiteY25" fmla="*/ 3157538 h 3157538"/>
              <a:gd name="connsiteX26" fmla="*/ 1640740 w 1793874"/>
              <a:gd name="connsiteY26" fmla="*/ 3157538 h 3157538"/>
              <a:gd name="connsiteX27" fmla="*/ 1605534 w 1793874"/>
              <a:gd name="connsiteY27" fmla="*/ 3157538 h 3157538"/>
              <a:gd name="connsiteX28" fmla="*/ 1556401 w 1793874"/>
              <a:gd name="connsiteY28" fmla="*/ 3157538 h 3157538"/>
              <a:gd name="connsiteX29" fmla="*/ 1491019 w 1793874"/>
              <a:gd name="connsiteY29" fmla="*/ 3157538 h 3157538"/>
              <a:gd name="connsiteX30" fmla="*/ 1407067 w 1793874"/>
              <a:gd name="connsiteY30" fmla="*/ 3157538 h 3157538"/>
              <a:gd name="connsiteX31" fmla="*/ 1302223 w 1793874"/>
              <a:gd name="connsiteY31" fmla="*/ 3157538 h 3157538"/>
              <a:gd name="connsiteX32" fmla="*/ 1174167 w 1793874"/>
              <a:gd name="connsiteY32" fmla="*/ 3157538 h 3157538"/>
              <a:gd name="connsiteX33" fmla="*/ 1020578 w 1793874"/>
              <a:gd name="connsiteY33" fmla="*/ 3157538 h 3157538"/>
              <a:gd name="connsiteX34" fmla="*/ 933482 w 1793874"/>
              <a:gd name="connsiteY34" fmla="*/ 3157538 h 3157538"/>
              <a:gd name="connsiteX35" fmla="*/ 839133 w 1793874"/>
              <a:gd name="connsiteY35" fmla="*/ 3157538 h 3157538"/>
              <a:gd name="connsiteX36" fmla="*/ 737240 w 1793874"/>
              <a:gd name="connsiteY36" fmla="*/ 3157538 h 3157538"/>
              <a:gd name="connsiteX37" fmla="*/ 627512 w 1793874"/>
              <a:gd name="connsiteY37" fmla="*/ 3157538 h 3157538"/>
              <a:gd name="connsiteX38" fmla="*/ 509660 w 1793874"/>
              <a:gd name="connsiteY38" fmla="*/ 3157538 h 3157538"/>
              <a:gd name="connsiteX39" fmla="*/ 383393 w 1793874"/>
              <a:gd name="connsiteY39" fmla="*/ 3157538 h 3157538"/>
              <a:gd name="connsiteX40" fmla="*/ 248422 w 1793874"/>
              <a:gd name="connsiteY40" fmla="*/ 3157538 h 3157538"/>
              <a:gd name="connsiteX41" fmla="*/ 104456 w 1793874"/>
              <a:gd name="connsiteY41" fmla="*/ 3157538 h 3157538"/>
              <a:gd name="connsiteX42" fmla="*/ 8195 w 1793874"/>
              <a:gd name="connsiteY42" fmla="*/ 3093787 h 3157538"/>
              <a:gd name="connsiteX43" fmla="*/ 0 w 1793874"/>
              <a:gd name="connsiteY43" fmla="*/ 3053096 h 3157538"/>
              <a:gd name="connsiteX44" fmla="*/ 0 w 1793874"/>
              <a:gd name="connsiteY44" fmla="*/ 104760 h 3157538"/>
              <a:gd name="connsiteX45" fmla="*/ 8195 w 1793874"/>
              <a:gd name="connsiteY45" fmla="*/ 64020 h 3157538"/>
              <a:gd name="connsiteX46" fmla="*/ 104456 w 1793874"/>
              <a:gd name="connsiteY46" fmla="*/ 0 h 315753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</a:cxnLst>
            <a:rect l="l" t="t" r="r" b="b"/>
            <a:pathLst>
              <a:path w="1793874" h="3157538">
                <a:moveTo>
                  <a:pt x="104456" y="0"/>
                </a:moveTo>
                <a:lnTo>
                  <a:pt x="107551" y="0"/>
                </a:lnTo>
                <a:lnTo>
                  <a:pt x="114902" y="0"/>
                </a:lnTo>
                <a:lnTo>
                  <a:pt x="129216" y="0"/>
                </a:lnTo>
                <a:lnTo>
                  <a:pt x="152816" y="0"/>
                </a:lnTo>
                <a:lnTo>
                  <a:pt x="188021" y="0"/>
                </a:lnTo>
                <a:lnTo>
                  <a:pt x="237154" y="0"/>
                </a:lnTo>
                <a:lnTo>
                  <a:pt x="302536" y="0"/>
                </a:lnTo>
                <a:lnTo>
                  <a:pt x="386488" y="0"/>
                </a:lnTo>
                <a:lnTo>
                  <a:pt x="491332" y="0"/>
                </a:lnTo>
                <a:lnTo>
                  <a:pt x="619388" y="0"/>
                </a:lnTo>
                <a:lnTo>
                  <a:pt x="772977" y="0"/>
                </a:lnTo>
                <a:lnTo>
                  <a:pt x="860073" y="0"/>
                </a:lnTo>
                <a:lnTo>
                  <a:pt x="954422" y="0"/>
                </a:lnTo>
                <a:lnTo>
                  <a:pt x="1056315" y="0"/>
                </a:lnTo>
                <a:lnTo>
                  <a:pt x="1166043" y="0"/>
                </a:lnTo>
                <a:lnTo>
                  <a:pt x="1283895" y="0"/>
                </a:lnTo>
                <a:lnTo>
                  <a:pt x="1410162" y="0"/>
                </a:lnTo>
                <a:lnTo>
                  <a:pt x="1545133" y="0"/>
                </a:lnTo>
                <a:lnTo>
                  <a:pt x="1689099" y="0"/>
                </a:lnTo>
                <a:cubicBezTo>
                  <a:pt x="1746884" y="0"/>
                  <a:pt x="1793874" y="46985"/>
                  <a:pt x="1793874" y="104765"/>
                </a:cubicBezTo>
                <a:cubicBezTo>
                  <a:pt x="1793874" y="104765"/>
                  <a:pt x="1793874" y="104765"/>
                  <a:pt x="1793874" y="3053091"/>
                </a:cubicBezTo>
                <a:cubicBezTo>
                  <a:pt x="1793874" y="3110870"/>
                  <a:pt x="1746884" y="3157538"/>
                  <a:pt x="1689099" y="3157538"/>
                </a:cubicBezTo>
                <a:lnTo>
                  <a:pt x="1686004" y="3157538"/>
                </a:lnTo>
                <a:lnTo>
                  <a:pt x="1678653" y="3157538"/>
                </a:lnTo>
                <a:lnTo>
                  <a:pt x="1664339" y="3157538"/>
                </a:lnTo>
                <a:lnTo>
                  <a:pt x="1640740" y="3157538"/>
                </a:lnTo>
                <a:lnTo>
                  <a:pt x="1605534" y="3157538"/>
                </a:lnTo>
                <a:lnTo>
                  <a:pt x="1556401" y="3157538"/>
                </a:lnTo>
                <a:lnTo>
                  <a:pt x="1491019" y="3157538"/>
                </a:lnTo>
                <a:lnTo>
                  <a:pt x="1407067" y="3157538"/>
                </a:lnTo>
                <a:lnTo>
                  <a:pt x="1302223" y="3157538"/>
                </a:lnTo>
                <a:lnTo>
                  <a:pt x="1174167" y="3157538"/>
                </a:lnTo>
                <a:lnTo>
                  <a:pt x="1020578" y="3157538"/>
                </a:lnTo>
                <a:lnTo>
                  <a:pt x="933482" y="3157538"/>
                </a:lnTo>
                <a:lnTo>
                  <a:pt x="839133" y="3157538"/>
                </a:lnTo>
                <a:lnTo>
                  <a:pt x="737240" y="3157538"/>
                </a:lnTo>
                <a:lnTo>
                  <a:pt x="627512" y="3157538"/>
                </a:lnTo>
                <a:lnTo>
                  <a:pt x="509660" y="3157538"/>
                </a:lnTo>
                <a:lnTo>
                  <a:pt x="383393" y="3157538"/>
                </a:lnTo>
                <a:lnTo>
                  <a:pt x="248422" y="3157538"/>
                </a:lnTo>
                <a:lnTo>
                  <a:pt x="104456" y="3157538"/>
                </a:lnTo>
                <a:cubicBezTo>
                  <a:pt x="61118" y="3157538"/>
                  <a:pt x="24030" y="3131288"/>
                  <a:pt x="8195" y="3093787"/>
                </a:cubicBezTo>
                <a:lnTo>
                  <a:pt x="0" y="3053096"/>
                </a:lnTo>
                <a:lnTo>
                  <a:pt x="0" y="104760"/>
                </a:lnTo>
                <a:lnTo>
                  <a:pt x="8195" y="64020"/>
                </a:lnTo>
                <a:cubicBezTo>
                  <a:pt x="24030" y="26429"/>
                  <a:pt x="61118" y="0"/>
                  <a:pt x="104456" y="0"/>
                </a:cubicBezTo>
                <a:close/>
              </a:path>
            </a:pathLst>
          </a:custGeom>
          <a:solidFill>
            <a:srgbClr val="FFFFFF">
              <a:alpha val="29804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468000" lvl="0" indent="-468000"/>
            <a:r>
              <a:rPr lang="en-GB" dirty="0"/>
              <a:t> </a:t>
            </a:r>
          </a:p>
        </p:txBody>
      </p:sp>
      <p:sp>
        <p:nvSpPr>
          <p:cNvPr id="98" name="Frame 6">
            <a:extLst>
              <a:ext uri="{FF2B5EF4-FFF2-40B4-BE49-F238E27FC236}">
                <a16:creationId xmlns:a16="http://schemas.microsoft.com/office/drawing/2014/main" id="{00796BC5-2ACE-3FD4-6DCF-59777340FCE2}"/>
              </a:ext>
            </a:extLst>
          </p:cNvPr>
          <p:cNvSpPr>
            <a:spLocks noGrp="1" noSelect="1"/>
          </p:cNvSpPr>
          <p:nvPr>
            <p:ph type="body" sz="quarter" idx="62" hasCustomPrompt="1"/>
          </p:nvPr>
        </p:nvSpPr>
        <p:spPr>
          <a:xfrm>
            <a:off x="3286126" y="2470151"/>
            <a:ext cx="1793874" cy="2108200"/>
          </a:xfrm>
          <a:custGeom>
            <a:avLst/>
            <a:gdLst>
              <a:gd name="connsiteX0" fmla="*/ 104774 w 1793874"/>
              <a:gd name="connsiteY0" fmla="*/ 0 h 2108200"/>
              <a:gd name="connsiteX1" fmla="*/ 107869 w 1793874"/>
              <a:gd name="connsiteY1" fmla="*/ 0 h 2108200"/>
              <a:gd name="connsiteX2" fmla="*/ 115218 w 1793874"/>
              <a:gd name="connsiteY2" fmla="*/ 0 h 2108200"/>
              <a:gd name="connsiteX3" fmla="*/ 129529 w 1793874"/>
              <a:gd name="connsiteY3" fmla="*/ 0 h 2108200"/>
              <a:gd name="connsiteX4" fmla="*/ 153124 w 1793874"/>
              <a:gd name="connsiteY4" fmla="*/ 0 h 2108200"/>
              <a:gd name="connsiteX5" fmla="*/ 188323 w 1793874"/>
              <a:gd name="connsiteY5" fmla="*/ 0 h 2108200"/>
              <a:gd name="connsiteX6" fmla="*/ 237446 w 1793874"/>
              <a:gd name="connsiteY6" fmla="*/ 0 h 2108200"/>
              <a:gd name="connsiteX7" fmla="*/ 302815 w 1793874"/>
              <a:gd name="connsiteY7" fmla="*/ 0 h 2108200"/>
              <a:gd name="connsiteX8" fmla="*/ 386750 w 1793874"/>
              <a:gd name="connsiteY8" fmla="*/ 0 h 2108200"/>
              <a:gd name="connsiteX9" fmla="*/ 491572 w 1793874"/>
              <a:gd name="connsiteY9" fmla="*/ 0 h 2108200"/>
              <a:gd name="connsiteX10" fmla="*/ 619602 w 1793874"/>
              <a:gd name="connsiteY10" fmla="*/ 0 h 2108200"/>
              <a:gd name="connsiteX11" fmla="*/ 773161 w 1793874"/>
              <a:gd name="connsiteY11" fmla="*/ 0 h 2108200"/>
              <a:gd name="connsiteX12" fmla="*/ 860239 w 1793874"/>
              <a:gd name="connsiteY12" fmla="*/ 0 h 2108200"/>
              <a:gd name="connsiteX13" fmla="*/ 954570 w 1793874"/>
              <a:gd name="connsiteY13" fmla="*/ 0 h 2108200"/>
              <a:gd name="connsiteX14" fmla="*/ 1056443 w 1793874"/>
              <a:gd name="connsiteY14" fmla="*/ 0 h 2108200"/>
              <a:gd name="connsiteX15" fmla="*/ 1166148 w 1793874"/>
              <a:gd name="connsiteY15" fmla="*/ 0 h 2108200"/>
              <a:gd name="connsiteX16" fmla="*/ 1283977 w 1793874"/>
              <a:gd name="connsiteY16" fmla="*/ 0 h 2108200"/>
              <a:gd name="connsiteX17" fmla="*/ 1410218 w 1793874"/>
              <a:gd name="connsiteY17" fmla="*/ 0 h 2108200"/>
              <a:gd name="connsiteX18" fmla="*/ 1545162 w 1793874"/>
              <a:gd name="connsiteY18" fmla="*/ 0 h 2108200"/>
              <a:gd name="connsiteX19" fmla="*/ 1689099 w 1793874"/>
              <a:gd name="connsiteY19" fmla="*/ 0 h 2108200"/>
              <a:gd name="connsiteX20" fmla="*/ 1793874 w 1793874"/>
              <a:gd name="connsiteY20" fmla="*/ 104744 h 2108200"/>
              <a:gd name="connsiteX21" fmla="*/ 1793874 w 1793874"/>
              <a:gd name="connsiteY21" fmla="*/ 2003457 h 2108200"/>
              <a:gd name="connsiteX22" fmla="*/ 1689099 w 1793874"/>
              <a:gd name="connsiteY22" fmla="*/ 2108200 h 2108200"/>
              <a:gd name="connsiteX23" fmla="*/ 1686005 w 1793874"/>
              <a:gd name="connsiteY23" fmla="*/ 2108200 h 2108200"/>
              <a:gd name="connsiteX24" fmla="*/ 1678656 w 1793874"/>
              <a:gd name="connsiteY24" fmla="*/ 2108200 h 2108200"/>
              <a:gd name="connsiteX25" fmla="*/ 1664344 w 1793874"/>
              <a:gd name="connsiteY25" fmla="*/ 2108200 h 2108200"/>
              <a:gd name="connsiteX26" fmla="*/ 1640749 w 1793874"/>
              <a:gd name="connsiteY26" fmla="*/ 2108200 h 2108200"/>
              <a:gd name="connsiteX27" fmla="*/ 1605551 w 1793874"/>
              <a:gd name="connsiteY27" fmla="*/ 2108200 h 2108200"/>
              <a:gd name="connsiteX28" fmla="*/ 1556428 w 1793874"/>
              <a:gd name="connsiteY28" fmla="*/ 2108200 h 2108200"/>
              <a:gd name="connsiteX29" fmla="*/ 1491059 w 1793874"/>
              <a:gd name="connsiteY29" fmla="*/ 2108200 h 2108200"/>
              <a:gd name="connsiteX30" fmla="*/ 1407123 w 1793874"/>
              <a:gd name="connsiteY30" fmla="*/ 2108200 h 2108200"/>
              <a:gd name="connsiteX31" fmla="*/ 1302301 w 1793874"/>
              <a:gd name="connsiteY31" fmla="*/ 2108200 h 2108200"/>
              <a:gd name="connsiteX32" fmla="*/ 1174271 w 1793874"/>
              <a:gd name="connsiteY32" fmla="*/ 2108200 h 2108200"/>
              <a:gd name="connsiteX33" fmla="*/ 1020712 w 1793874"/>
              <a:gd name="connsiteY33" fmla="*/ 2108200 h 2108200"/>
              <a:gd name="connsiteX34" fmla="*/ 933634 w 1793874"/>
              <a:gd name="connsiteY34" fmla="*/ 2108200 h 2108200"/>
              <a:gd name="connsiteX35" fmla="*/ 839304 w 1793874"/>
              <a:gd name="connsiteY35" fmla="*/ 2108200 h 2108200"/>
              <a:gd name="connsiteX36" fmla="*/ 737431 w 1793874"/>
              <a:gd name="connsiteY36" fmla="*/ 2108200 h 2108200"/>
              <a:gd name="connsiteX37" fmla="*/ 627725 w 1793874"/>
              <a:gd name="connsiteY37" fmla="*/ 2108200 h 2108200"/>
              <a:gd name="connsiteX38" fmla="*/ 509897 w 1793874"/>
              <a:gd name="connsiteY38" fmla="*/ 2108200 h 2108200"/>
              <a:gd name="connsiteX39" fmla="*/ 383656 w 1793874"/>
              <a:gd name="connsiteY39" fmla="*/ 2108200 h 2108200"/>
              <a:gd name="connsiteX40" fmla="*/ 248711 w 1793874"/>
              <a:gd name="connsiteY40" fmla="*/ 2108200 h 2108200"/>
              <a:gd name="connsiteX41" fmla="*/ 104774 w 1793874"/>
              <a:gd name="connsiteY41" fmla="*/ 2108200 h 2108200"/>
              <a:gd name="connsiteX42" fmla="*/ 8244 w 1793874"/>
              <a:gd name="connsiteY42" fmla="*/ 2044194 h 2108200"/>
              <a:gd name="connsiteX43" fmla="*/ 0 w 1793874"/>
              <a:gd name="connsiteY43" fmla="*/ 2003462 h 2108200"/>
              <a:gd name="connsiteX44" fmla="*/ 0 w 1793874"/>
              <a:gd name="connsiteY44" fmla="*/ 104739 h 2108200"/>
              <a:gd name="connsiteX45" fmla="*/ 8244 w 1793874"/>
              <a:gd name="connsiteY45" fmla="*/ 64007 h 2108200"/>
              <a:gd name="connsiteX46" fmla="*/ 104774 w 1793874"/>
              <a:gd name="connsiteY46" fmla="*/ 0 h 21082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</a:cxnLst>
            <a:rect l="l" t="t" r="r" b="b"/>
            <a:pathLst>
              <a:path w="1793874" h="2108200">
                <a:moveTo>
                  <a:pt x="104774" y="0"/>
                </a:moveTo>
                <a:lnTo>
                  <a:pt x="107869" y="0"/>
                </a:lnTo>
                <a:lnTo>
                  <a:pt x="115218" y="0"/>
                </a:lnTo>
                <a:lnTo>
                  <a:pt x="129529" y="0"/>
                </a:lnTo>
                <a:lnTo>
                  <a:pt x="153124" y="0"/>
                </a:lnTo>
                <a:lnTo>
                  <a:pt x="188323" y="0"/>
                </a:lnTo>
                <a:lnTo>
                  <a:pt x="237446" y="0"/>
                </a:lnTo>
                <a:lnTo>
                  <a:pt x="302815" y="0"/>
                </a:lnTo>
                <a:lnTo>
                  <a:pt x="386750" y="0"/>
                </a:lnTo>
                <a:lnTo>
                  <a:pt x="491572" y="0"/>
                </a:lnTo>
                <a:lnTo>
                  <a:pt x="619602" y="0"/>
                </a:lnTo>
                <a:lnTo>
                  <a:pt x="773161" y="0"/>
                </a:lnTo>
                <a:lnTo>
                  <a:pt x="860239" y="0"/>
                </a:lnTo>
                <a:lnTo>
                  <a:pt x="954570" y="0"/>
                </a:lnTo>
                <a:lnTo>
                  <a:pt x="1056443" y="0"/>
                </a:lnTo>
                <a:lnTo>
                  <a:pt x="1166148" y="0"/>
                </a:lnTo>
                <a:lnTo>
                  <a:pt x="1283977" y="0"/>
                </a:lnTo>
                <a:lnTo>
                  <a:pt x="1410218" y="0"/>
                </a:lnTo>
                <a:lnTo>
                  <a:pt x="1545162" y="0"/>
                </a:lnTo>
                <a:lnTo>
                  <a:pt x="1689099" y="0"/>
                </a:lnTo>
                <a:cubicBezTo>
                  <a:pt x="1746884" y="0"/>
                  <a:pt x="1793874" y="46976"/>
                  <a:pt x="1793874" y="104744"/>
                </a:cubicBezTo>
                <a:cubicBezTo>
                  <a:pt x="1793874" y="104744"/>
                  <a:pt x="1793874" y="104744"/>
                  <a:pt x="1793874" y="2003457"/>
                </a:cubicBezTo>
                <a:cubicBezTo>
                  <a:pt x="1793874" y="2061224"/>
                  <a:pt x="1746884" y="2108200"/>
                  <a:pt x="1689099" y="2108200"/>
                </a:cubicBezTo>
                <a:lnTo>
                  <a:pt x="1686005" y="2108200"/>
                </a:lnTo>
                <a:lnTo>
                  <a:pt x="1678656" y="2108200"/>
                </a:lnTo>
                <a:lnTo>
                  <a:pt x="1664344" y="2108200"/>
                </a:lnTo>
                <a:lnTo>
                  <a:pt x="1640749" y="2108200"/>
                </a:lnTo>
                <a:lnTo>
                  <a:pt x="1605551" y="2108200"/>
                </a:lnTo>
                <a:lnTo>
                  <a:pt x="1556428" y="2108200"/>
                </a:lnTo>
                <a:lnTo>
                  <a:pt x="1491059" y="2108200"/>
                </a:lnTo>
                <a:lnTo>
                  <a:pt x="1407123" y="2108200"/>
                </a:lnTo>
                <a:lnTo>
                  <a:pt x="1302301" y="2108200"/>
                </a:lnTo>
                <a:lnTo>
                  <a:pt x="1174271" y="2108200"/>
                </a:lnTo>
                <a:lnTo>
                  <a:pt x="1020712" y="2108200"/>
                </a:lnTo>
                <a:lnTo>
                  <a:pt x="933634" y="2108200"/>
                </a:lnTo>
                <a:lnTo>
                  <a:pt x="839304" y="2108200"/>
                </a:lnTo>
                <a:lnTo>
                  <a:pt x="737431" y="2108200"/>
                </a:lnTo>
                <a:lnTo>
                  <a:pt x="627725" y="2108200"/>
                </a:lnTo>
                <a:lnTo>
                  <a:pt x="509897" y="2108200"/>
                </a:lnTo>
                <a:lnTo>
                  <a:pt x="383656" y="2108200"/>
                </a:lnTo>
                <a:lnTo>
                  <a:pt x="248711" y="2108200"/>
                </a:lnTo>
                <a:lnTo>
                  <a:pt x="104774" y="2108200"/>
                </a:lnTo>
                <a:cubicBezTo>
                  <a:pt x="61435" y="2108200"/>
                  <a:pt x="24169" y="2081776"/>
                  <a:pt x="8244" y="2044194"/>
                </a:cubicBezTo>
                <a:lnTo>
                  <a:pt x="0" y="2003462"/>
                </a:lnTo>
                <a:lnTo>
                  <a:pt x="0" y="104739"/>
                </a:lnTo>
                <a:lnTo>
                  <a:pt x="8244" y="64007"/>
                </a:lnTo>
                <a:cubicBezTo>
                  <a:pt x="24169" y="26424"/>
                  <a:pt x="61435" y="0"/>
                  <a:pt x="104774" y="0"/>
                </a:cubicBezTo>
                <a:close/>
              </a:path>
            </a:pathLst>
          </a:custGeom>
          <a:solidFill>
            <a:srgbClr val="FFFFFF">
              <a:alpha val="29804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468000" lvl="0" indent="-468000"/>
            <a:r>
              <a:rPr lang="en-GB" dirty="0"/>
              <a:t> </a:t>
            </a:r>
          </a:p>
        </p:txBody>
      </p:sp>
      <p:sp>
        <p:nvSpPr>
          <p:cNvPr id="100" name="Frame 7">
            <a:extLst>
              <a:ext uri="{FF2B5EF4-FFF2-40B4-BE49-F238E27FC236}">
                <a16:creationId xmlns:a16="http://schemas.microsoft.com/office/drawing/2014/main" id="{8231FEF9-B9AE-F1B2-8EFC-93EF5B5CC8C8}"/>
              </a:ext>
            </a:extLst>
          </p:cNvPr>
          <p:cNvSpPr>
            <a:spLocks noGrp="1" noSelect="1"/>
          </p:cNvSpPr>
          <p:nvPr>
            <p:ph type="body" sz="quarter" idx="63" hasCustomPrompt="1"/>
          </p:nvPr>
        </p:nvSpPr>
        <p:spPr>
          <a:xfrm>
            <a:off x="1381126" y="2470151"/>
            <a:ext cx="1793874" cy="2108200"/>
          </a:xfrm>
          <a:custGeom>
            <a:avLst/>
            <a:gdLst>
              <a:gd name="connsiteX0" fmla="*/ 104774 w 1793874"/>
              <a:gd name="connsiteY0" fmla="*/ 0 h 2108200"/>
              <a:gd name="connsiteX1" fmla="*/ 107869 w 1793874"/>
              <a:gd name="connsiteY1" fmla="*/ 0 h 2108200"/>
              <a:gd name="connsiteX2" fmla="*/ 115220 w 1793874"/>
              <a:gd name="connsiteY2" fmla="*/ 0 h 2108200"/>
              <a:gd name="connsiteX3" fmla="*/ 129534 w 1793874"/>
              <a:gd name="connsiteY3" fmla="*/ 0 h 2108200"/>
              <a:gd name="connsiteX4" fmla="*/ 153134 w 1793874"/>
              <a:gd name="connsiteY4" fmla="*/ 0 h 2108200"/>
              <a:gd name="connsiteX5" fmla="*/ 188339 w 1793874"/>
              <a:gd name="connsiteY5" fmla="*/ 0 h 2108200"/>
              <a:gd name="connsiteX6" fmla="*/ 237472 w 1793874"/>
              <a:gd name="connsiteY6" fmla="*/ 0 h 2108200"/>
              <a:gd name="connsiteX7" fmla="*/ 302854 w 1793874"/>
              <a:gd name="connsiteY7" fmla="*/ 0 h 2108200"/>
              <a:gd name="connsiteX8" fmla="*/ 386806 w 1793874"/>
              <a:gd name="connsiteY8" fmla="*/ 0 h 2108200"/>
              <a:gd name="connsiteX9" fmla="*/ 491650 w 1793874"/>
              <a:gd name="connsiteY9" fmla="*/ 0 h 2108200"/>
              <a:gd name="connsiteX10" fmla="*/ 619706 w 1793874"/>
              <a:gd name="connsiteY10" fmla="*/ 0 h 2108200"/>
              <a:gd name="connsiteX11" fmla="*/ 773295 w 1793874"/>
              <a:gd name="connsiteY11" fmla="*/ 0 h 2108200"/>
              <a:gd name="connsiteX12" fmla="*/ 860391 w 1793874"/>
              <a:gd name="connsiteY12" fmla="*/ 0 h 2108200"/>
              <a:gd name="connsiteX13" fmla="*/ 954740 w 1793874"/>
              <a:gd name="connsiteY13" fmla="*/ 0 h 2108200"/>
              <a:gd name="connsiteX14" fmla="*/ 1056633 w 1793874"/>
              <a:gd name="connsiteY14" fmla="*/ 0 h 2108200"/>
              <a:gd name="connsiteX15" fmla="*/ 1166361 w 1793874"/>
              <a:gd name="connsiteY15" fmla="*/ 0 h 2108200"/>
              <a:gd name="connsiteX16" fmla="*/ 1284213 w 1793874"/>
              <a:gd name="connsiteY16" fmla="*/ 0 h 2108200"/>
              <a:gd name="connsiteX17" fmla="*/ 1410479 w 1793874"/>
              <a:gd name="connsiteY17" fmla="*/ 0 h 2108200"/>
              <a:gd name="connsiteX18" fmla="*/ 1545451 w 1793874"/>
              <a:gd name="connsiteY18" fmla="*/ 0 h 2108200"/>
              <a:gd name="connsiteX19" fmla="*/ 1689417 w 1793874"/>
              <a:gd name="connsiteY19" fmla="*/ 0 h 2108200"/>
              <a:gd name="connsiteX20" fmla="*/ 1793874 w 1793874"/>
              <a:gd name="connsiteY20" fmla="*/ 104744 h 2108200"/>
              <a:gd name="connsiteX21" fmla="*/ 1793874 w 1793874"/>
              <a:gd name="connsiteY21" fmla="*/ 2003457 h 2108200"/>
              <a:gd name="connsiteX22" fmla="*/ 1689417 w 1793874"/>
              <a:gd name="connsiteY22" fmla="*/ 2108200 h 2108200"/>
              <a:gd name="connsiteX23" fmla="*/ 1686322 w 1793874"/>
              <a:gd name="connsiteY23" fmla="*/ 2108200 h 2108200"/>
              <a:gd name="connsiteX24" fmla="*/ 1678971 w 1793874"/>
              <a:gd name="connsiteY24" fmla="*/ 2108200 h 2108200"/>
              <a:gd name="connsiteX25" fmla="*/ 1664657 w 1793874"/>
              <a:gd name="connsiteY25" fmla="*/ 2108200 h 2108200"/>
              <a:gd name="connsiteX26" fmla="*/ 1641057 w 1793874"/>
              <a:gd name="connsiteY26" fmla="*/ 2108200 h 2108200"/>
              <a:gd name="connsiteX27" fmla="*/ 1605851 w 1793874"/>
              <a:gd name="connsiteY27" fmla="*/ 2108200 h 2108200"/>
              <a:gd name="connsiteX28" fmla="*/ 1556718 w 1793874"/>
              <a:gd name="connsiteY28" fmla="*/ 2108200 h 2108200"/>
              <a:gd name="connsiteX29" fmla="*/ 1491336 w 1793874"/>
              <a:gd name="connsiteY29" fmla="*/ 2108200 h 2108200"/>
              <a:gd name="connsiteX30" fmla="*/ 1407384 w 1793874"/>
              <a:gd name="connsiteY30" fmla="*/ 2108200 h 2108200"/>
              <a:gd name="connsiteX31" fmla="*/ 1302541 w 1793874"/>
              <a:gd name="connsiteY31" fmla="*/ 2108200 h 2108200"/>
              <a:gd name="connsiteX32" fmla="*/ 1174485 w 1793874"/>
              <a:gd name="connsiteY32" fmla="*/ 2108200 h 2108200"/>
              <a:gd name="connsiteX33" fmla="*/ 1020896 w 1793874"/>
              <a:gd name="connsiteY33" fmla="*/ 2108200 h 2108200"/>
              <a:gd name="connsiteX34" fmla="*/ 933800 w 1793874"/>
              <a:gd name="connsiteY34" fmla="*/ 2108200 h 2108200"/>
              <a:gd name="connsiteX35" fmla="*/ 839451 w 1793874"/>
              <a:gd name="connsiteY35" fmla="*/ 2108200 h 2108200"/>
              <a:gd name="connsiteX36" fmla="*/ 737558 w 1793874"/>
              <a:gd name="connsiteY36" fmla="*/ 2108200 h 2108200"/>
              <a:gd name="connsiteX37" fmla="*/ 627830 w 1793874"/>
              <a:gd name="connsiteY37" fmla="*/ 2108200 h 2108200"/>
              <a:gd name="connsiteX38" fmla="*/ 509978 w 1793874"/>
              <a:gd name="connsiteY38" fmla="*/ 2108200 h 2108200"/>
              <a:gd name="connsiteX39" fmla="*/ 383711 w 1793874"/>
              <a:gd name="connsiteY39" fmla="*/ 2108200 h 2108200"/>
              <a:gd name="connsiteX40" fmla="*/ 248740 w 1793874"/>
              <a:gd name="connsiteY40" fmla="*/ 2108200 h 2108200"/>
              <a:gd name="connsiteX41" fmla="*/ 104774 w 1793874"/>
              <a:gd name="connsiteY41" fmla="*/ 2108200 h 2108200"/>
              <a:gd name="connsiteX42" fmla="*/ 8244 w 1793874"/>
              <a:gd name="connsiteY42" fmla="*/ 2044194 h 2108200"/>
              <a:gd name="connsiteX43" fmla="*/ 0 w 1793874"/>
              <a:gd name="connsiteY43" fmla="*/ 2003462 h 2108200"/>
              <a:gd name="connsiteX44" fmla="*/ 0 w 1793874"/>
              <a:gd name="connsiteY44" fmla="*/ 104739 h 2108200"/>
              <a:gd name="connsiteX45" fmla="*/ 8244 w 1793874"/>
              <a:gd name="connsiteY45" fmla="*/ 64007 h 2108200"/>
              <a:gd name="connsiteX46" fmla="*/ 104774 w 1793874"/>
              <a:gd name="connsiteY46" fmla="*/ 0 h 21082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</a:cxnLst>
            <a:rect l="l" t="t" r="r" b="b"/>
            <a:pathLst>
              <a:path w="1793874" h="2108200">
                <a:moveTo>
                  <a:pt x="104774" y="0"/>
                </a:moveTo>
                <a:lnTo>
                  <a:pt x="107869" y="0"/>
                </a:lnTo>
                <a:lnTo>
                  <a:pt x="115220" y="0"/>
                </a:lnTo>
                <a:lnTo>
                  <a:pt x="129534" y="0"/>
                </a:lnTo>
                <a:lnTo>
                  <a:pt x="153134" y="0"/>
                </a:lnTo>
                <a:lnTo>
                  <a:pt x="188339" y="0"/>
                </a:lnTo>
                <a:lnTo>
                  <a:pt x="237472" y="0"/>
                </a:lnTo>
                <a:lnTo>
                  <a:pt x="302854" y="0"/>
                </a:lnTo>
                <a:lnTo>
                  <a:pt x="386806" y="0"/>
                </a:lnTo>
                <a:lnTo>
                  <a:pt x="491650" y="0"/>
                </a:lnTo>
                <a:lnTo>
                  <a:pt x="619706" y="0"/>
                </a:lnTo>
                <a:lnTo>
                  <a:pt x="773295" y="0"/>
                </a:lnTo>
                <a:lnTo>
                  <a:pt x="860391" y="0"/>
                </a:lnTo>
                <a:lnTo>
                  <a:pt x="954740" y="0"/>
                </a:lnTo>
                <a:lnTo>
                  <a:pt x="1056633" y="0"/>
                </a:lnTo>
                <a:lnTo>
                  <a:pt x="1166361" y="0"/>
                </a:lnTo>
                <a:lnTo>
                  <a:pt x="1284213" y="0"/>
                </a:lnTo>
                <a:lnTo>
                  <a:pt x="1410479" y="0"/>
                </a:lnTo>
                <a:lnTo>
                  <a:pt x="1545451" y="0"/>
                </a:lnTo>
                <a:lnTo>
                  <a:pt x="1689417" y="0"/>
                </a:lnTo>
                <a:cubicBezTo>
                  <a:pt x="1747202" y="0"/>
                  <a:pt x="1793874" y="46976"/>
                  <a:pt x="1793874" y="104744"/>
                </a:cubicBezTo>
                <a:cubicBezTo>
                  <a:pt x="1793874" y="104744"/>
                  <a:pt x="1793874" y="104744"/>
                  <a:pt x="1793874" y="2003457"/>
                </a:cubicBezTo>
                <a:cubicBezTo>
                  <a:pt x="1793874" y="2061224"/>
                  <a:pt x="1747202" y="2108200"/>
                  <a:pt x="1689417" y="2108200"/>
                </a:cubicBezTo>
                <a:lnTo>
                  <a:pt x="1686322" y="2108200"/>
                </a:lnTo>
                <a:lnTo>
                  <a:pt x="1678971" y="2108200"/>
                </a:lnTo>
                <a:lnTo>
                  <a:pt x="1664657" y="2108200"/>
                </a:lnTo>
                <a:lnTo>
                  <a:pt x="1641057" y="2108200"/>
                </a:lnTo>
                <a:lnTo>
                  <a:pt x="1605851" y="2108200"/>
                </a:lnTo>
                <a:lnTo>
                  <a:pt x="1556718" y="2108200"/>
                </a:lnTo>
                <a:lnTo>
                  <a:pt x="1491336" y="2108200"/>
                </a:lnTo>
                <a:lnTo>
                  <a:pt x="1407384" y="2108200"/>
                </a:lnTo>
                <a:lnTo>
                  <a:pt x="1302541" y="2108200"/>
                </a:lnTo>
                <a:lnTo>
                  <a:pt x="1174485" y="2108200"/>
                </a:lnTo>
                <a:lnTo>
                  <a:pt x="1020896" y="2108200"/>
                </a:lnTo>
                <a:lnTo>
                  <a:pt x="933800" y="2108200"/>
                </a:lnTo>
                <a:lnTo>
                  <a:pt x="839451" y="2108200"/>
                </a:lnTo>
                <a:lnTo>
                  <a:pt x="737558" y="2108200"/>
                </a:lnTo>
                <a:lnTo>
                  <a:pt x="627830" y="2108200"/>
                </a:lnTo>
                <a:lnTo>
                  <a:pt x="509978" y="2108200"/>
                </a:lnTo>
                <a:lnTo>
                  <a:pt x="383711" y="2108200"/>
                </a:lnTo>
                <a:lnTo>
                  <a:pt x="248740" y="2108200"/>
                </a:lnTo>
                <a:lnTo>
                  <a:pt x="104774" y="2108200"/>
                </a:lnTo>
                <a:cubicBezTo>
                  <a:pt x="61435" y="2108200"/>
                  <a:pt x="24169" y="2081776"/>
                  <a:pt x="8244" y="2044194"/>
                </a:cubicBezTo>
                <a:lnTo>
                  <a:pt x="0" y="2003462"/>
                </a:lnTo>
                <a:lnTo>
                  <a:pt x="0" y="104739"/>
                </a:lnTo>
                <a:lnTo>
                  <a:pt x="8244" y="64007"/>
                </a:lnTo>
                <a:cubicBezTo>
                  <a:pt x="24169" y="26424"/>
                  <a:pt x="61435" y="0"/>
                  <a:pt x="104774" y="0"/>
                </a:cubicBezTo>
                <a:close/>
              </a:path>
            </a:pathLst>
          </a:custGeom>
          <a:solidFill>
            <a:srgbClr val="FFFFFF">
              <a:alpha val="29804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468000" lvl="0" indent="-468000"/>
            <a:r>
              <a:rPr lang="en-GB" dirty="0"/>
              <a:t> </a:t>
            </a:r>
          </a:p>
        </p:txBody>
      </p:sp>
      <p:sp>
        <p:nvSpPr>
          <p:cNvPr id="102" name="Frame 8">
            <a:extLst>
              <a:ext uri="{FF2B5EF4-FFF2-40B4-BE49-F238E27FC236}">
                <a16:creationId xmlns:a16="http://schemas.microsoft.com/office/drawing/2014/main" id="{2574A7BF-F410-7E01-2CA3-7C5817521CB7}"/>
              </a:ext>
            </a:extLst>
          </p:cNvPr>
          <p:cNvSpPr>
            <a:spLocks noGrp="1" noSelect="1"/>
          </p:cNvSpPr>
          <p:nvPr>
            <p:ph type="body" sz="quarter" idx="64" hasCustomPrompt="1"/>
          </p:nvPr>
        </p:nvSpPr>
        <p:spPr>
          <a:xfrm>
            <a:off x="5191125" y="2470151"/>
            <a:ext cx="1792288" cy="2108200"/>
          </a:xfrm>
          <a:custGeom>
            <a:avLst/>
            <a:gdLst>
              <a:gd name="connsiteX0" fmla="*/ 104683 w 1792288"/>
              <a:gd name="connsiteY0" fmla="*/ 0 h 2108200"/>
              <a:gd name="connsiteX1" fmla="*/ 107774 w 1792288"/>
              <a:gd name="connsiteY1" fmla="*/ 0 h 2108200"/>
              <a:gd name="connsiteX2" fmla="*/ 115117 w 1792288"/>
              <a:gd name="connsiteY2" fmla="*/ 0 h 2108200"/>
              <a:gd name="connsiteX3" fmla="*/ 129416 w 1792288"/>
              <a:gd name="connsiteY3" fmla="*/ 0 h 2108200"/>
              <a:gd name="connsiteX4" fmla="*/ 152990 w 1792288"/>
              <a:gd name="connsiteY4" fmla="*/ 0 h 2108200"/>
              <a:gd name="connsiteX5" fmla="*/ 188157 w 1792288"/>
              <a:gd name="connsiteY5" fmla="*/ 0 h 2108200"/>
              <a:gd name="connsiteX6" fmla="*/ 237237 w 1792288"/>
              <a:gd name="connsiteY6" fmla="*/ 0 h 2108200"/>
              <a:gd name="connsiteX7" fmla="*/ 302548 w 1792288"/>
              <a:gd name="connsiteY7" fmla="*/ 0 h 2108200"/>
              <a:gd name="connsiteX8" fmla="*/ 386409 w 1792288"/>
              <a:gd name="connsiteY8" fmla="*/ 0 h 2108200"/>
              <a:gd name="connsiteX9" fmla="*/ 491139 w 1792288"/>
              <a:gd name="connsiteY9" fmla="*/ 0 h 2108200"/>
              <a:gd name="connsiteX10" fmla="*/ 619056 w 1792288"/>
              <a:gd name="connsiteY10" fmla="*/ 0 h 2108200"/>
              <a:gd name="connsiteX11" fmla="*/ 772479 w 1792288"/>
              <a:gd name="connsiteY11" fmla="*/ 0 h 2108200"/>
              <a:gd name="connsiteX12" fmla="*/ 859480 w 1792288"/>
              <a:gd name="connsiteY12" fmla="*/ 0 h 2108200"/>
              <a:gd name="connsiteX13" fmla="*/ 953726 w 1792288"/>
              <a:gd name="connsiteY13" fmla="*/ 0 h 2108200"/>
              <a:gd name="connsiteX14" fmla="*/ 1055509 w 1792288"/>
              <a:gd name="connsiteY14" fmla="*/ 0 h 2108200"/>
              <a:gd name="connsiteX15" fmla="*/ 1165118 w 1792288"/>
              <a:gd name="connsiteY15" fmla="*/ 0 h 2108200"/>
              <a:gd name="connsiteX16" fmla="*/ 1282842 w 1792288"/>
              <a:gd name="connsiteY16" fmla="*/ 0 h 2108200"/>
              <a:gd name="connsiteX17" fmla="*/ 1408972 w 1792288"/>
              <a:gd name="connsiteY17" fmla="*/ 0 h 2108200"/>
              <a:gd name="connsiteX18" fmla="*/ 1543796 w 1792288"/>
              <a:gd name="connsiteY18" fmla="*/ 0 h 2108200"/>
              <a:gd name="connsiteX19" fmla="*/ 1687606 w 1792288"/>
              <a:gd name="connsiteY19" fmla="*/ 0 h 2108200"/>
              <a:gd name="connsiteX20" fmla="*/ 1792288 w 1792288"/>
              <a:gd name="connsiteY20" fmla="*/ 104744 h 2108200"/>
              <a:gd name="connsiteX21" fmla="*/ 1792288 w 1792288"/>
              <a:gd name="connsiteY21" fmla="*/ 108452 h 2108200"/>
              <a:gd name="connsiteX22" fmla="*/ 1792288 w 1792288"/>
              <a:gd name="connsiteY22" fmla="*/ 117260 h 2108200"/>
              <a:gd name="connsiteX23" fmla="*/ 1792288 w 1792288"/>
              <a:gd name="connsiteY23" fmla="*/ 134411 h 2108200"/>
              <a:gd name="connsiteX24" fmla="*/ 1792288 w 1792288"/>
              <a:gd name="connsiteY24" fmla="*/ 162688 h 2108200"/>
              <a:gd name="connsiteX25" fmla="*/ 1792288 w 1792288"/>
              <a:gd name="connsiteY25" fmla="*/ 204871 h 2108200"/>
              <a:gd name="connsiteX26" fmla="*/ 1792288 w 1792288"/>
              <a:gd name="connsiteY26" fmla="*/ 263742 h 2108200"/>
              <a:gd name="connsiteX27" fmla="*/ 1792288 w 1792288"/>
              <a:gd name="connsiteY27" fmla="*/ 342083 h 2108200"/>
              <a:gd name="connsiteX28" fmla="*/ 1792288 w 1792288"/>
              <a:gd name="connsiteY28" fmla="*/ 442674 h 2108200"/>
              <a:gd name="connsiteX29" fmla="*/ 1792288 w 1792288"/>
              <a:gd name="connsiteY29" fmla="*/ 568297 h 2108200"/>
              <a:gd name="connsiteX30" fmla="*/ 1792288 w 1792288"/>
              <a:gd name="connsiteY30" fmla="*/ 721733 h 2108200"/>
              <a:gd name="connsiteX31" fmla="*/ 1792288 w 1792288"/>
              <a:gd name="connsiteY31" fmla="*/ 905763 h 2108200"/>
              <a:gd name="connsiteX32" fmla="*/ 1792288 w 1792288"/>
              <a:gd name="connsiteY32" fmla="*/ 1010121 h 2108200"/>
              <a:gd name="connsiteX33" fmla="*/ 1792288 w 1792288"/>
              <a:gd name="connsiteY33" fmla="*/ 1123170 h 2108200"/>
              <a:gd name="connsiteX34" fmla="*/ 1792288 w 1792288"/>
              <a:gd name="connsiteY34" fmla="*/ 1245258 h 2108200"/>
              <a:gd name="connsiteX35" fmla="*/ 1792288 w 1792288"/>
              <a:gd name="connsiteY35" fmla="*/ 1376733 h 2108200"/>
              <a:gd name="connsiteX36" fmla="*/ 1792288 w 1792288"/>
              <a:gd name="connsiteY36" fmla="*/ 1517943 h 2108200"/>
              <a:gd name="connsiteX37" fmla="*/ 1792288 w 1792288"/>
              <a:gd name="connsiteY37" fmla="*/ 1669235 h 2108200"/>
              <a:gd name="connsiteX38" fmla="*/ 1792288 w 1792288"/>
              <a:gd name="connsiteY38" fmla="*/ 1830957 h 2108200"/>
              <a:gd name="connsiteX39" fmla="*/ 1792288 w 1792288"/>
              <a:gd name="connsiteY39" fmla="*/ 2003457 h 2108200"/>
              <a:gd name="connsiteX40" fmla="*/ 1687606 w 1792288"/>
              <a:gd name="connsiteY40" fmla="*/ 2108200 h 2108200"/>
              <a:gd name="connsiteX41" fmla="*/ 1684515 w 1792288"/>
              <a:gd name="connsiteY41" fmla="*/ 2108200 h 2108200"/>
              <a:gd name="connsiteX42" fmla="*/ 1677172 w 1792288"/>
              <a:gd name="connsiteY42" fmla="*/ 2108200 h 2108200"/>
              <a:gd name="connsiteX43" fmla="*/ 1662873 w 1792288"/>
              <a:gd name="connsiteY43" fmla="*/ 2108200 h 2108200"/>
              <a:gd name="connsiteX44" fmla="*/ 1639299 w 1792288"/>
              <a:gd name="connsiteY44" fmla="*/ 2108200 h 2108200"/>
              <a:gd name="connsiteX45" fmla="*/ 1604132 w 1792288"/>
              <a:gd name="connsiteY45" fmla="*/ 2108200 h 2108200"/>
              <a:gd name="connsiteX46" fmla="*/ 1555052 w 1792288"/>
              <a:gd name="connsiteY46" fmla="*/ 2108200 h 2108200"/>
              <a:gd name="connsiteX47" fmla="*/ 1489741 w 1792288"/>
              <a:gd name="connsiteY47" fmla="*/ 2108200 h 2108200"/>
              <a:gd name="connsiteX48" fmla="*/ 1405880 w 1792288"/>
              <a:gd name="connsiteY48" fmla="*/ 2108200 h 2108200"/>
              <a:gd name="connsiteX49" fmla="*/ 1301150 w 1792288"/>
              <a:gd name="connsiteY49" fmla="*/ 2108200 h 2108200"/>
              <a:gd name="connsiteX50" fmla="*/ 1173233 w 1792288"/>
              <a:gd name="connsiteY50" fmla="*/ 2108200 h 2108200"/>
              <a:gd name="connsiteX51" fmla="*/ 1019810 w 1792288"/>
              <a:gd name="connsiteY51" fmla="*/ 2108200 h 2108200"/>
              <a:gd name="connsiteX52" fmla="*/ 932810 w 1792288"/>
              <a:gd name="connsiteY52" fmla="*/ 2108200 h 2108200"/>
              <a:gd name="connsiteX53" fmla="*/ 838563 w 1792288"/>
              <a:gd name="connsiteY53" fmla="*/ 2108200 h 2108200"/>
              <a:gd name="connsiteX54" fmla="*/ 736780 w 1792288"/>
              <a:gd name="connsiteY54" fmla="*/ 2108200 h 2108200"/>
              <a:gd name="connsiteX55" fmla="*/ 627171 w 1792288"/>
              <a:gd name="connsiteY55" fmla="*/ 2108200 h 2108200"/>
              <a:gd name="connsiteX56" fmla="*/ 509447 w 1792288"/>
              <a:gd name="connsiteY56" fmla="*/ 2108200 h 2108200"/>
              <a:gd name="connsiteX57" fmla="*/ 383317 w 1792288"/>
              <a:gd name="connsiteY57" fmla="*/ 2108200 h 2108200"/>
              <a:gd name="connsiteX58" fmla="*/ 248493 w 1792288"/>
              <a:gd name="connsiteY58" fmla="*/ 2108200 h 2108200"/>
              <a:gd name="connsiteX59" fmla="*/ 104683 w 1792288"/>
              <a:gd name="connsiteY59" fmla="*/ 2108200 h 2108200"/>
              <a:gd name="connsiteX60" fmla="*/ 0 w 1792288"/>
              <a:gd name="connsiteY60" fmla="*/ 2003457 h 2108200"/>
              <a:gd name="connsiteX61" fmla="*/ 0 w 1792288"/>
              <a:gd name="connsiteY61" fmla="*/ 1999748 h 2108200"/>
              <a:gd name="connsiteX62" fmla="*/ 0 w 1792288"/>
              <a:gd name="connsiteY62" fmla="*/ 1990941 h 2108200"/>
              <a:gd name="connsiteX63" fmla="*/ 0 w 1792288"/>
              <a:gd name="connsiteY63" fmla="*/ 1973789 h 2108200"/>
              <a:gd name="connsiteX64" fmla="*/ 0 w 1792288"/>
              <a:gd name="connsiteY64" fmla="*/ 1945513 h 2108200"/>
              <a:gd name="connsiteX65" fmla="*/ 0 w 1792288"/>
              <a:gd name="connsiteY65" fmla="*/ 1903329 h 2108200"/>
              <a:gd name="connsiteX66" fmla="*/ 0 w 1792288"/>
              <a:gd name="connsiteY66" fmla="*/ 1844458 h 2108200"/>
              <a:gd name="connsiteX67" fmla="*/ 0 w 1792288"/>
              <a:gd name="connsiteY67" fmla="*/ 1766118 h 2108200"/>
              <a:gd name="connsiteX68" fmla="*/ 0 w 1792288"/>
              <a:gd name="connsiteY68" fmla="*/ 1665527 h 2108200"/>
              <a:gd name="connsiteX69" fmla="*/ 0 w 1792288"/>
              <a:gd name="connsiteY69" fmla="*/ 1539904 h 2108200"/>
              <a:gd name="connsiteX70" fmla="*/ 0 w 1792288"/>
              <a:gd name="connsiteY70" fmla="*/ 1386468 h 2108200"/>
              <a:gd name="connsiteX71" fmla="*/ 0 w 1792288"/>
              <a:gd name="connsiteY71" fmla="*/ 1202437 h 2108200"/>
              <a:gd name="connsiteX72" fmla="*/ 0 w 1792288"/>
              <a:gd name="connsiteY72" fmla="*/ 1098080 h 2108200"/>
              <a:gd name="connsiteX73" fmla="*/ 0 w 1792288"/>
              <a:gd name="connsiteY73" fmla="*/ 985031 h 2108200"/>
              <a:gd name="connsiteX74" fmla="*/ 0 w 1792288"/>
              <a:gd name="connsiteY74" fmla="*/ 862942 h 2108200"/>
              <a:gd name="connsiteX75" fmla="*/ 0 w 1792288"/>
              <a:gd name="connsiteY75" fmla="*/ 731467 h 2108200"/>
              <a:gd name="connsiteX76" fmla="*/ 0 w 1792288"/>
              <a:gd name="connsiteY76" fmla="*/ 590257 h 2108200"/>
              <a:gd name="connsiteX77" fmla="*/ 0 w 1792288"/>
              <a:gd name="connsiteY77" fmla="*/ 438965 h 2108200"/>
              <a:gd name="connsiteX78" fmla="*/ 0 w 1792288"/>
              <a:gd name="connsiteY78" fmla="*/ 277243 h 2108200"/>
              <a:gd name="connsiteX79" fmla="*/ 0 w 1792288"/>
              <a:gd name="connsiteY79" fmla="*/ 104744 h 2108200"/>
              <a:gd name="connsiteX80" fmla="*/ 104683 w 1792288"/>
              <a:gd name="connsiteY80" fmla="*/ 0 h 21082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</a:cxnLst>
            <a:rect l="l" t="t" r="r" b="b"/>
            <a:pathLst>
              <a:path w="1792288" h="2108200">
                <a:moveTo>
                  <a:pt x="104683" y="0"/>
                </a:moveTo>
                <a:lnTo>
                  <a:pt x="107774" y="0"/>
                </a:lnTo>
                <a:lnTo>
                  <a:pt x="115117" y="0"/>
                </a:lnTo>
                <a:lnTo>
                  <a:pt x="129416" y="0"/>
                </a:lnTo>
                <a:lnTo>
                  <a:pt x="152990" y="0"/>
                </a:lnTo>
                <a:lnTo>
                  <a:pt x="188157" y="0"/>
                </a:lnTo>
                <a:lnTo>
                  <a:pt x="237237" y="0"/>
                </a:lnTo>
                <a:lnTo>
                  <a:pt x="302548" y="0"/>
                </a:lnTo>
                <a:lnTo>
                  <a:pt x="386409" y="0"/>
                </a:lnTo>
                <a:lnTo>
                  <a:pt x="491139" y="0"/>
                </a:lnTo>
                <a:lnTo>
                  <a:pt x="619056" y="0"/>
                </a:lnTo>
                <a:lnTo>
                  <a:pt x="772479" y="0"/>
                </a:lnTo>
                <a:lnTo>
                  <a:pt x="859480" y="0"/>
                </a:lnTo>
                <a:lnTo>
                  <a:pt x="953726" y="0"/>
                </a:lnTo>
                <a:lnTo>
                  <a:pt x="1055509" y="0"/>
                </a:lnTo>
                <a:lnTo>
                  <a:pt x="1165118" y="0"/>
                </a:lnTo>
                <a:lnTo>
                  <a:pt x="1282842" y="0"/>
                </a:lnTo>
                <a:lnTo>
                  <a:pt x="1408972" y="0"/>
                </a:lnTo>
                <a:lnTo>
                  <a:pt x="1543796" y="0"/>
                </a:lnTo>
                <a:lnTo>
                  <a:pt x="1687606" y="0"/>
                </a:lnTo>
                <a:cubicBezTo>
                  <a:pt x="1745340" y="0"/>
                  <a:pt x="1792288" y="46976"/>
                  <a:pt x="1792288" y="104744"/>
                </a:cubicBezTo>
                <a:lnTo>
                  <a:pt x="1792288" y="108452"/>
                </a:lnTo>
                <a:lnTo>
                  <a:pt x="1792288" y="117260"/>
                </a:lnTo>
                <a:lnTo>
                  <a:pt x="1792288" y="134411"/>
                </a:lnTo>
                <a:lnTo>
                  <a:pt x="1792288" y="162688"/>
                </a:lnTo>
                <a:lnTo>
                  <a:pt x="1792288" y="204871"/>
                </a:lnTo>
                <a:lnTo>
                  <a:pt x="1792288" y="263742"/>
                </a:lnTo>
                <a:lnTo>
                  <a:pt x="1792288" y="342083"/>
                </a:lnTo>
                <a:lnTo>
                  <a:pt x="1792288" y="442674"/>
                </a:lnTo>
                <a:lnTo>
                  <a:pt x="1792288" y="568297"/>
                </a:lnTo>
                <a:lnTo>
                  <a:pt x="1792288" y="721733"/>
                </a:lnTo>
                <a:lnTo>
                  <a:pt x="1792288" y="905763"/>
                </a:lnTo>
                <a:lnTo>
                  <a:pt x="1792288" y="1010121"/>
                </a:lnTo>
                <a:lnTo>
                  <a:pt x="1792288" y="1123170"/>
                </a:lnTo>
                <a:lnTo>
                  <a:pt x="1792288" y="1245258"/>
                </a:lnTo>
                <a:lnTo>
                  <a:pt x="1792288" y="1376733"/>
                </a:lnTo>
                <a:lnTo>
                  <a:pt x="1792288" y="1517943"/>
                </a:lnTo>
                <a:lnTo>
                  <a:pt x="1792288" y="1669235"/>
                </a:lnTo>
                <a:lnTo>
                  <a:pt x="1792288" y="1830957"/>
                </a:lnTo>
                <a:lnTo>
                  <a:pt x="1792288" y="2003457"/>
                </a:lnTo>
                <a:cubicBezTo>
                  <a:pt x="1792288" y="2061224"/>
                  <a:pt x="1745340" y="2108200"/>
                  <a:pt x="1687606" y="2108200"/>
                </a:cubicBezTo>
                <a:lnTo>
                  <a:pt x="1684515" y="2108200"/>
                </a:lnTo>
                <a:lnTo>
                  <a:pt x="1677172" y="2108200"/>
                </a:lnTo>
                <a:lnTo>
                  <a:pt x="1662873" y="2108200"/>
                </a:lnTo>
                <a:lnTo>
                  <a:pt x="1639299" y="2108200"/>
                </a:lnTo>
                <a:lnTo>
                  <a:pt x="1604132" y="2108200"/>
                </a:lnTo>
                <a:lnTo>
                  <a:pt x="1555052" y="2108200"/>
                </a:lnTo>
                <a:lnTo>
                  <a:pt x="1489741" y="2108200"/>
                </a:lnTo>
                <a:lnTo>
                  <a:pt x="1405880" y="2108200"/>
                </a:lnTo>
                <a:lnTo>
                  <a:pt x="1301150" y="2108200"/>
                </a:lnTo>
                <a:lnTo>
                  <a:pt x="1173233" y="2108200"/>
                </a:lnTo>
                <a:lnTo>
                  <a:pt x="1019810" y="2108200"/>
                </a:lnTo>
                <a:lnTo>
                  <a:pt x="932810" y="2108200"/>
                </a:lnTo>
                <a:lnTo>
                  <a:pt x="838563" y="2108200"/>
                </a:lnTo>
                <a:lnTo>
                  <a:pt x="736780" y="2108200"/>
                </a:lnTo>
                <a:lnTo>
                  <a:pt x="627171" y="2108200"/>
                </a:lnTo>
                <a:lnTo>
                  <a:pt x="509447" y="2108200"/>
                </a:lnTo>
                <a:lnTo>
                  <a:pt x="383317" y="2108200"/>
                </a:lnTo>
                <a:lnTo>
                  <a:pt x="248493" y="2108200"/>
                </a:lnTo>
                <a:lnTo>
                  <a:pt x="104683" y="2108200"/>
                </a:lnTo>
                <a:cubicBezTo>
                  <a:pt x="46949" y="2108200"/>
                  <a:pt x="0" y="2061224"/>
                  <a:pt x="0" y="2003457"/>
                </a:cubicBezTo>
                <a:lnTo>
                  <a:pt x="0" y="1999748"/>
                </a:lnTo>
                <a:lnTo>
                  <a:pt x="0" y="1990941"/>
                </a:lnTo>
                <a:lnTo>
                  <a:pt x="0" y="1973789"/>
                </a:lnTo>
                <a:lnTo>
                  <a:pt x="0" y="1945513"/>
                </a:lnTo>
                <a:lnTo>
                  <a:pt x="0" y="1903329"/>
                </a:lnTo>
                <a:lnTo>
                  <a:pt x="0" y="1844458"/>
                </a:lnTo>
                <a:lnTo>
                  <a:pt x="0" y="1766118"/>
                </a:lnTo>
                <a:lnTo>
                  <a:pt x="0" y="1665527"/>
                </a:lnTo>
                <a:lnTo>
                  <a:pt x="0" y="1539904"/>
                </a:lnTo>
                <a:lnTo>
                  <a:pt x="0" y="1386468"/>
                </a:lnTo>
                <a:lnTo>
                  <a:pt x="0" y="1202437"/>
                </a:lnTo>
                <a:lnTo>
                  <a:pt x="0" y="1098080"/>
                </a:lnTo>
                <a:lnTo>
                  <a:pt x="0" y="985031"/>
                </a:lnTo>
                <a:lnTo>
                  <a:pt x="0" y="862942"/>
                </a:lnTo>
                <a:lnTo>
                  <a:pt x="0" y="731467"/>
                </a:lnTo>
                <a:lnTo>
                  <a:pt x="0" y="590257"/>
                </a:lnTo>
                <a:lnTo>
                  <a:pt x="0" y="438965"/>
                </a:lnTo>
                <a:lnTo>
                  <a:pt x="0" y="277243"/>
                </a:lnTo>
                <a:lnTo>
                  <a:pt x="0" y="104744"/>
                </a:lnTo>
                <a:cubicBezTo>
                  <a:pt x="0" y="46976"/>
                  <a:pt x="46949" y="0"/>
                  <a:pt x="104683" y="0"/>
                </a:cubicBezTo>
                <a:close/>
              </a:path>
            </a:pathLst>
          </a:custGeom>
          <a:solidFill>
            <a:srgbClr val="FFFFFF">
              <a:alpha val="29804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468000" lvl="0" indent="-468000"/>
            <a:r>
              <a:rPr lang="en-GB" dirty="0"/>
              <a:t> </a:t>
            </a:r>
          </a:p>
        </p:txBody>
      </p:sp>
      <p:sp>
        <p:nvSpPr>
          <p:cNvPr id="104" name="Frame 9">
            <a:extLst>
              <a:ext uri="{FF2B5EF4-FFF2-40B4-BE49-F238E27FC236}">
                <a16:creationId xmlns:a16="http://schemas.microsoft.com/office/drawing/2014/main" id="{1D4989C6-57FD-4842-19E3-38ED8D5A0C21}"/>
              </a:ext>
            </a:extLst>
          </p:cNvPr>
          <p:cNvSpPr>
            <a:spLocks noGrp="1" noSelect="1"/>
          </p:cNvSpPr>
          <p:nvPr>
            <p:ph type="body" sz="quarter" idx="65" hasCustomPrompt="1"/>
          </p:nvPr>
        </p:nvSpPr>
        <p:spPr>
          <a:xfrm>
            <a:off x="7094539" y="2470151"/>
            <a:ext cx="1793874" cy="2108200"/>
          </a:xfrm>
          <a:custGeom>
            <a:avLst/>
            <a:gdLst>
              <a:gd name="connsiteX0" fmla="*/ 104457 w 1793874"/>
              <a:gd name="connsiteY0" fmla="*/ 0 h 2108200"/>
              <a:gd name="connsiteX1" fmla="*/ 107552 w 1793874"/>
              <a:gd name="connsiteY1" fmla="*/ 0 h 2108200"/>
              <a:gd name="connsiteX2" fmla="*/ 114902 w 1793874"/>
              <a:gd name="connsiteY2" fmla="*/ 0 h 2108200"/>
              <a:gd name="connsiteX3" fmla="*/ 129217 w 1793874"/>
              <a:gd name="connsiteY3" fmla="*/ 0 h 2108200"/>
              <a:gd name="connsiteX4" fmla="*/ 152816 w 1793874"/>
              <a:gd name="connsiteY4" fmla="*/ 0 h 2108200"/>
              <a:gd name="connsiteX5" fmla="*/ 188022 w 1793874"/>
              <a:gd name="connsiteY5" fmla="*/ 0 h 2108200"/>
              <a:gd name="connsiteX6" fmla="*/ 237155 w 1793874"/>
              <a:gd name="connsiteY6" fmla="*/ 0 h 2108200"/>
              <a:gd name="connsiteX7" fmla="*/ 302537 w 1793874"/>
              <a:gd name="connsiteY7" fmla="*/ 0 h 2108200"/>
              <a:gd name="connsiteX8" fmla="*/ 386489 w 1793874"/>
              <a:gd name="connsiteY8" fmla="*/ 0 h 2108200"/>
              <a:gd name="connsiteX9" fmla="*/ 491332 w 1793874"/>
              <a:gd name="connsiteY9" fmla="*/ 0 h 2108200"/>
              <a:gd name="connsiteX10" fmla="*/ 619388 w 1793874"/>
              <a:gd name="connsiteY10" fmla="*/ 0 h 2108200"/>
              <a:gd name="connsiteX11" fmla="*/ 772978 w 1793874"/>
              <a:gd name="connsiteY11" fmla="*/ 0 h 2108200"/>
              <a:gd name="connsiteX12" fmla="*/ 860073 w 1793874"/>
              <a:gd name="connsiteY12" fmla="*/ 0 h 2108200"/>
              <a:gd name="connsiteX13" fmla="*/ 954422 w 1793874"/>
              <a:gd name="connsiteY13" fmla="*/ 0 h 2108200"/>
              <a:gd name="connsiteX14" fmla="*/ 1056316 w 1793874"/>
              <a:gd name="connsiteY14" fmla="*/ 0 h 2108200"/>
              <a:gd name="connsiteX15" fmla="*/ 1166043 w 1793874"/>
              <a:gd name="connsiteY15" fmla="*/ 0 h 2108200"/>
              <a:gd name="connsiteX16" fmla="*/ 1283895 w 1793874"/>
              <a:gd name="connsiteY16" fmla="*/ 0 h 2108200"/>
              <a:gd name="connsiteX17" fmla="*/ 1410162 w 1793874"/>
              <a:gd name="connsiteY17" fmla="*/ 0 h 2108200"/>
              <a:gd name="connsiteX18" fmla="*/ 1545133 w 1793874"/>
              <a:gd name="connsiteY18" fmla="*/ 0 h 2108200"/>
              <a:gd name="connsiteX19" fmla="*/ 1689099 w 1793874"/>
              <a:gd name="connsiteY19" fmla="*/ 0 h 2108200"/>
              <a:gd name="connsiteX20" fmla="*/ 1793874 w 1793874"/>
              <a:gd name="connsiteY20" fmla="*/ 104744 h 2108200"/>
              <a:gd name="connsiteX21" fmla="*/ 1793874 w 1793874"/>
              <a:gd name="connsiteY21" fmla="*/ 2003457 h 2108200"/>
              <a:gd name="connsiteX22" fmla="*/ 1689099 w 1793874"/>
              <a:gd name="connsiteY22" fmla="*/ 2108200 h 2108200"/>
              <a:gd name="connsiteX23" fmla="*/ 1686004 w 1793874"/>
              <a:gd name="connsiteY23" fmla="*/ 2108200 h 2108200"/>
              <a:gd name="connsiteX24" fmla="*/ 1678653 w 1793874"/>
              <a:gd name="connsiteY24" fmla="*/ 2108200 h 2108200"/>
              <a:gd name="connsiteX25" fmla="*/ 1664339 w 1793874"/>
              <a:gd name="connsiteY25" fmla="*/ 2108200 h 2108200"/>
              <a:gd name="connsiteX26" fmla="*/ 1640740 w 1793874"/>
              <a:gd name="connsiteY26" fmla="*/ 2108200 h 2108200"/>
              <a:gd name="connsiteX27" fmla="*/ 1605534 w 1793874"/>
              <a:gd name="connsiteY27" fmla="*/ 2108200 h 2108200"/>
              <a:gd name="connsiteX28" fmla="*/ 1556401 w 1793874"/>
              <a:gd name="connsiteY28" fmla="*/ 2108200 h 2108200"/>
              <a:gd name="connsiteX29" fmla="*/ 1491019 w 1793874"/>
              <a:gd name="connsiteY29" fmla="*/ 2108200 h 2108200"/>
              <a:gd name="connsiteX30" fmla="*/ 1407067 w 1793874"/>
              <a:gd name="connsiteY30" fmla="*/ 2108200 h 2108200"/>
              <a:gd name="connsiteX31" fmla="*/ 1302223 w 1793874"/>
              <a:gd name="connsiteY31" fmla="*/ 2108200 h 2108200"/>
              <a:gd name="connsiteX32" fmla="*/ 1174168 w 1793874"/>
              <a:gd name="connsiteY32" fmla="*/ 2108200 h 2108200"/>
              <a:gd name="connsiteX33" fmla="*/ 1020578 w 1793874"/>
              <a:gd name="connsiteY33" fmla="*/ 2108200 h 2108200"/>
              <a:gd name="connsiteX34" fmla="*/ 933483 w 1793874"/>
              <a:gd name="connsiteY34" fmla="*/ 2108200 h 2108200"/>
              <a:gd name="connsiteX35" fmla="*/ 839134 w 1793874"/>
              <a:gd name="connsiteY35" fmla="*/ 2108200 h 2108200"/>
              <a:gd name="connsiteX36" fmla="*/ 737240 w 1793874"/>
              <a:gd name="connsiteY36" fmla="*/ 2108200 h 2108200"/>
              <a:gd name="connsiteX37" fmla="*/ 627513 w 1793874"/>
              <a:gd name="connsiteY37" fmla="*/ 2108200 h 2108200"/>
              <a:gd name="connsiteX38" fmla="*/ 509661 w 1793874"/>
              <a:gd name="connsiteY38" fmla="*/ 2108200 h 2108200"/>
              <a:gd name="connsiteX39" fmla="*/ 383394 w 1793874"/>
              <a:gd name="connsiteY39" fmla="*/ 2108200 h 2108200"/>
              <a:gd name="connsiteX40" fmla="*/ 248423 w 1793874"/>
              <a:gd name="connsiteY40" fmla="*/ 2108200 h 2108200"/>
              <a:gd name="connsiteX41" fmla="*/ 104457 w 1793874"/>
              <a:gd name="connsiteY41" fmla="*/ 2108200 h 2108200"/>
              <a:gd name="connsiteX42" fmla="*/ 8195 w 1793874"/>
              <a:gd name="connsiteY42" fmla="*/ 2044194 h 2108200"/>
              <a:gd name="connsiteX43" fmla="*/ 0 w 1793874"/>
              <a:gd name="connsiteY43" fmla="*/ 2003462 h 2108200"/>
              <a:gd name="connsiteX44" fmla="*/ 0 w 1793874"/>
              <a:gd name="connsiteY44" fmla="*/ 104739 h 2108200"/>
              <a:gd name="connsiteX45" fmla="*/ 8195 w 1793874"/>
              <a:gd name="connsiteY45" fmla="*/ 64007 h 2108200"/>
              <a:gd name="connsiteX46" fmla="*/ 104457 w 1793874"/>
              <a:gd name="connsiteY46" fmla="*/ 0 h 21082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</a:cxnLst>
            <a:rect l="l" t="t" r="r" b="b"/>
            <a:pathLst>
              <a:path w="1793874" h="2108200">
                <a:moveTo>
                  <a:pt x="104457" y="0"/>
                </a:moveTo>
                <a:lnTo>
                  <a:pt x="107552" y="0"/>
                </a:lnTo>
                <a:lnTo>
                  <a:pt x="114902" y="0"/>
                </a:lnTo>
                <a:lnTo>
                  <a:pt x="129217" y="0"/>
                </a:lnTo>
                <a:lnTo>
                  <a:pt x="152816" y="0"/>
                </a:lnTo>
                <a:lnTo>
                  <a:pt x="188022" y="0"/>
                </a:lnTo>
                <a:lnTo>
                  <a:pt x="237155" y="0"/>
                </a:lnTo>
                <a:lnTo>
                  <a:pt x="302537" y="0"/>
                </a:lnTo>
                <a:lnTo>
                  <a:pt x="386489" y="0"/>
                </a:lnTo>
                <a:lnTo>
                  <a:pt x="491332" y="0"/>
                </a:lnTo>
                <a:lnTo>
                  <a:pt x="619388" y="0"/>
                </a:lnTo>
                <a:lnTo>
                  <a:pt x="772978" y="0"/>
                </a:lnTo>
                <a:lnTo>
                  <a:pt x="860073" y="0"/>
                </a:lnTo>
                <a:lnTo>
                  <a:pt x="954422" y="0"/>
                </a:lnTo>
                <a:lnTo>
                  <a:pt x="1056316" y="0"/>
                </a:lnTo>
                <a:lnTo>
                  <a:pt x="1166043" y="0"/>
                </a:lnTo>
                <a:lnTo>
                  <a:pt x="1283895" y="0"/>
                </a:lnTo>
                <a:lnTo>
                  <a:pt x="1410162" y="0"/>
                </a:lnTo>
                <a:lnTo>
                  <a:pt x="1545133" y="0"/>
                </a:lnTo>
                <a:lnTo>
                  <a:pt x="1689099" y="0"/>
                </a:lnTo>
                <a:cubicBezTo>
                  <a:pt x="1746884" y="0"/>
                  <a:pt x="1793874" y="46976"/>
                  <a:pt x="1793874" y="104744"/>
                </a:cubicBezTo>
                <a:cubicBezTo>
                  <a:pt x="1793874" y="104744"/>
                  <a:pt x="1793874" y="104744"/>
                  <a:pt x="1793874" y="2003457"/>
                </a:cubicBezTo>
                <a:cubicBezTo>
                  <a:pt x="1793874" y="2061224"/>
                  <a:pt x="1746884" y="2108200"/>
                  <a:pt x="1689099" y="2108200"/>
                </a:cubicBezTo>
                <a:lnTo>
                  <a:pt x="1686004" y="2108200"/>
                </a:lnTo>
                <a:lnTo>
                  <a:pt x="1678653" y="2108200"/>
                </a:lnTo>
                <a:lnTo>
                  <a:pt x="1664339" y="2108200"/>
                </a:lnTo>
                <a:lnTo>
                  <a:pt x="1640740" y="2108200"/>
                </a:lnTo>
                <a:lnTo>
                  <a:pt x="1605534" y="2108200"/>
                </a:lnTo>
                <a:lnTo>
                  <a:pt x="1556401" y="2108200"/>
                </a:lnTo>
                <a:lnTo>
                  <a:pt x="1491019" y="2108200"/>
                </a:lnTo>
                <a:lnTo>
                  <a:pt x="1407067" y="2108200"/>
                </a:lnTo>
                <a:lnTo>
                  <a:pt x="1302223" y="2108200"/>
                </a:lnTo>
                <a:lnTo>
                  <a:pt x="1174168" y="2108200"/>
                </a:lnTo>
                <a:lnTo>
                  <a:pt x="1020578" y="2108200"/>
                </a:lnTo>
                <a:lnTo>
                  <a:pt x="933483" y="2108200"/>
                </a:lnTo>
                <a:lnTo>
                  <a:pt x="839134" y="2108200"/>
                </a:lnTo>
                <a:lnTo>
                  <a:pt x="737240" y="2108200"/>
                </a:lnTo>
                <a:lnTo>
                  <a:pt x="627513" y="2108200"/>
                </a:lnTo>
                <a:lnTo>
                  <a:pt x="509661" y="2108200"/>
                </a:lnTo>
                <a:lnTo>
                  <a:pt x="383394" y="2108200"/>
                </a:lnTo>
                <a:lnTo>
                  <a:pt x="248423" y="2108200"/>
                </a:lnTo>
                <a:lnTo>
                  <a:pt x="104457" y="2108200"/>
                </a:lnTo>
                <a:cubicBezTo>
                  <a:pt x="61118" y="2108200"/>
                  <a:pt x="24030" y="2081776"/>
                  <a:pt x="8195" y="2044194"/>
                </a:cubicBezTo>
                <a:lnTo>
                  <a:pt x="0" y="2003462"/>
                </a:lnTo>
                <a:lnTo>
                  <a:pt x="0" y="104739"/>
                </a:lnTo>
                <a:lnTo>
                  <a:pt x="8195" y="64007"/>
                </a:lnTo>
                <a:cubicBezTo>
                  <a:pt x="24030" y="26424"/>
                  <a:pt x="61118" y="0"/>
                  <a:pt x="104457" y="0"/>
                </a:cubicBezTo>
                <a:close/>
              </a:path>
            </a:pathLst>
          </a:custGeom>
          <a:solidFill>
            <a:srgbClr val="FFFFFF">
              <a:alpha val="29804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468000" lvl="0" indent="-468000"/>
            <a:r>
              <a:rPr lang="en-GB" dirty="0"/>
              <a:t> </a:t>
            </a:r>
          </a:p>
        </p:txBody>
      </p:sp>
      <p:sp>
        <p:nvSpPr>
          <p:cNvPr id="106" name="Frame 10">
            <a:extLst>
              <a:ext uri="{FF2B5EF4-FFF2-40B4-BE49-F238E27FC236}">
                <a16:creationId xmlns:a16="http://schemas.microsoft.com/office/drawing/2014/main" id="{C81E25BD-3A10-063D-9EC4-E8EB1BA1885F}"/>
              </a:ext>
            </a:extLst>
          </p:cNvPr>
          <p:cNvSpPr>
            <a:spLocks noGrp="1" noSelect="1"/>
          </p:cNvSpPr>
          <p:nvPr>
            <p:ph type="body" sz="quarter" idx="66" hasCustomPrompt="1"/>
          </p:nvPr>
        </p:nvSpPr>
        <p:spPr>
          <a:xfrm>
            <a:off x="9002714" y="2470151"/>
            <a:ext cx="1793874" cy="2108200"/>
          </a:xfrm>
          <a:custGeom>
            <a:avLst/>
            <a:gdLst>
              <a:gd name="connsiteX0" fmla="*/ 104456 w 1793874"/>
              <a:gd name="connsiteY0" fmla="*/ 0 h 2108200"/>
              <a:gd name="connsiteX1" fmla="*/ 107551 w 1793874"/>
              <a:gd name="connsiteY1" fmla="*/ 0 h 2108200"/>
              <a:gd name="connsiteX2" fmla="*/ 114902 w 1793874"/>
              <a:gd name="connsiteY2" fmla="*/ 0 h 2108200"/>
              <a:gd name="connsiteX3" fmla="*/ 129216 w 1793874"/>
              <a:gd name="connsiteY3" fmla="*/ 0 h 2108200"/>
              <a:gd name="connsiteX4" fmla="*/ 152816 w 1793874"/>
              <a:gd name="connsiteY4" fmla="*/ 0 h 2108200"/>
              <a:gd name="connsiteX5" fmla="*/ 188021 w 1793874"/>
              <a:gd name="connsiteY5" fmla="*/ 0 h 2108200"/>
              <a:gd name="connsiteX6" fmla="*/ 237154 w 1793874"/>
              <a:gd name="connsiteY6" fmla="*/ 0 h 2108200"/>
              <a:gd name="connsiteX7" fmla="*/ 302536 w 1793874"/>
              <a:gd name="connsiteY7" fmla="*/ 0 h 2108200"/>
              <a:gd name="connsiteX8" fmla="*/ 386488 w 1793874"/>
              <a:gd name="connsiteY8" fmla="*/ 0 h 2108200"/>
              <a:gd name="connsiteX9" fmla="*/ 491332 w 1793874"/>
              <a:gd name="connsiteY9" fmla="*/ 0 h 2108200"/>
              <a:gd name="connsiteX10" fmla="*/ 619388 w 1793874"/>
              <a:gd name="connsiteY10" fmla="*/ 0 h 2108200"/>
              <a:gd name="connsiteX11" fmla="*/ 772977 w 1793874"/>
              <a:gd name="connsiteY11" fmla="*/ 0 h 2108200"/>
              <a:gd name="connsiteX12" fmla="*/ 860073 w 1793874"/>
              <a:gd name="connsiteY12" fmla="*/ 0 h 2108200"/>
              <a:gd name="connsiteX13" fmla="*/ 954422 w 1793874"/>
              <a:gd name="connsiteY13" fmla="*/ 0 h 2108200"/>
              <a:gd name="connsiteX14" fmla="*/ 1056315 w 1793874"/>
              <a:gd name="connsiteY14" fmla="*/ 0 h 2108200"/>
              <a:gd name="connsiteX15" fmla="*/ 1166043 w 1793874"/>
              <a:gd name="connsiteY15" fmla="*/ 0 h 2108200"/>
              <a:gd name="connsiteX16" fmla="*/ 1283895 w 1793874"/>
              <a:gd name="connsiteY16" fmla="*/ 0 h 2108200"/>
              <a:gd name="connsiteX17" fmla="*/ 1410162 w 1793874"/>
              <a:gd name="connsiteY17" fmla="*/ 0 h 2108200"/>
              <a:gd name="connsiteX18" fmla="*/ 1545133 w 1793874"/>
              <a:gd name="connsiteY18" fmla="*/ 0 h 2108200"/>
              <a:gd name="connsiteX19" fmla="*/ 1689099 w 1793874"/>
              <a:gd name="connsiteY19" fmla="*/ 0 h 2108200"/>
              <a:gd name="connsiteX20" fmla="*/ 1793874 w 1793874"/>
              <a:gd name="connsiteY20" fmla="*/ 104744 h 2108200"/>
              <a:gd name="connsiteX21" fmla="*/ 1793874 w 1793874"/>
              <a:gd name="connsiteY21" fmla="*/ 2003457 h 2108200"/>
              <a:gd name="connsiteX22" fmla="*/ 1689099 w 1793874"/>
              <a:gd name="connsiteY22" fmla="*/ 2108200 h 2108200"/>
              <a:gd name="connsiteX23" fmla="*/ 1686004 w 1793874"/>
              <a:gd name="connsiteY23" fmla="*/ 2108200 h 2108200"/>
              <a:gd name="connsiteX24" fmla="*/ 1678653 w 1793874"/>
              <a:gd name="connsiteY24" fmla="*/ 2108200 h 2108200"/>
              <a:gd name="connsiteX25" fmla="*/ 1664339 w 1793874"/>
              <a:gd name="connsiteY25" fmla="*/ 2108200 h 2108200"/>
              <a:gd name="connsiteX26" fmla="*/ 1640740 w 1793874"/>
              <a:gd name="connsiteY26" fmla="*/ 2108200 h 2108200"/>
              <a:gd name="connsiteX27" fmla="*/ 1605534 w 1793874"/>
              <a:gd name="connsiteY27" fmla="*/ 2108200 h 2108200"/>
              <a:gd name="connsiteX28" fmla="*/ 1556401 w 1793874"/>
              <a:gd name="connsiteY28" fmla="*/ 2108200 h 2108200"/>
              <a:gd name="connsiteX29" fmla="*/ 1491019 w 1793874"/>
              <a:gd name="connsiteY29" fmla="*/ 2108200 h 2108200"/>
              <a:gd name="connsiteX30" fmla="*/ 1407067 w 1793874"/>
              <a:gd name="connsiteY30" fmla="*/ 2108200 h 2108200"/>
              <a:gd name="connsiteX31" fmla="*/ 1302223 w 1793874"/>
              <a:gd name="connsiteY31" fmla="*/ 2108200 h 2108200"/>
              <a:gd name="connsiteX32" fmla="*/ 1174167 w 1793874"/>
              <a:gd name="connsiteY32" fmla="*/ 2108200 h 2108200"/>
              <a:gd name="connsiteX33" fmla="*/ 1020578 w 1793874"/>
              <a:gd name="connsiteY33" fmla="*/ 2108200 h 2108200"/>
              <a:gd name="connsiteX34" fmla="*/ 933482 w 1793874"/>
              <a:gd name="connsiteY34" fmla="*/ 2108200 h 2108200"/>
              <a:gd name="connsiteX35" fmla="*/ 839133 w 1793874"/>
              <a:gd name="connsiteY35" fmla="*/ 2108200 h 2108200"/>
              <a:gd name="connsiteX36" fmla="*/ 737240 w 1793874"/>
              <a:gd name="connsiteY36" fmla="*/ 2108200 h 2108200"/>
              <a:gd name="connsiteX37" fmla="*/ 627512 w 1793874"/>
              <a:gd name="connsiteY37" fmla="*/ 2108200 h 2108200"/>
              <a:gd name="connsiteX38" fmla="*/ 509660 w 1793874"/>
              <a:gd name="connsiteY38" fmla="*/ 2108200 h 2108200"/>
              <a:gd name="connsiteX39" fmla="*/ 383393 w 1793874"/>
              <a:gd name="connsiteY39" fmla="*/ 2108200 h 2108200"/>
              <a:gd name="connsiteX40" fmla="*/ 248422 w 1793874"/>
              <a:gd name="connsiteY40" fmla="*/ 2108200 h 2108200"/>
              <a:gd name="connsiteX41" fmla="*/ 104456 w 1793874"/>
              <a:gd name="connsiteY41" fmla="*/ 2108200 h 2108200"/>
              <a:gd name="connsiteX42" fmla="*/ 8195 w 1793874"/>
              <a:gd name="connsiteY42" fmla="*/ 2044194 h 2108200"/>
              <a:gd name="connsiteX43" fmla="*/ 0 w 1793874"/>
              <a:gd name="connsiteY43" fmla="*/ 2003462 h 2108200"/>
              <a:gd name="connsiteX44" fmla="*/ 0 w 1793874"/>
              <a:gd name="connsiteY44" fmla="*/ 104739 h 2108200"/>
              <a:gd name="connsiteX45" fmla="*/ 8195 w 1793874"/>
              <a:gd name="connsiteY45" fmla="*/ 64007 h 2108200"/>
              <a:gd name="connsiteX46" fmla="*/ 104456 w 1793874"/>
              <a:gd name="connsiteY46" fmla="*/ 0 h 21082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</a:cxnLst>
            <a:rect l="l" t="t" r="r" b="b"/>
            <a:pathLst>
              <a:path w="1793874" h="2108200">
                <a:moveTo>
                  <a:pt x="104456" y="0"/>
                </a:moveTo>
                <a:lnTo>
                  <a:pt x="107551" y="0"/>
                </a:lnTo>
                <a:lnTo>
                  <a:pt x="114902" y="0"/>
                </a:lnTo>
                <a:lnTo>
                  <a:pt x="129216" y="0"/>
                </a:lnTo>
                <a:lnTo>
                  <a:pt x="152816" y="0"/>
                </a:lnTo>
                <a:lnTo>
                  <a:pt x="188021" y="0"/>
                </a:lnTo>
                <a:lnTo>
                  <a:pt x="237154" y="0"/>
                </a:lnTo>
                <a:lnTo>
                  <a:pt x="302536" y="0"/>
                </a:lnTo>
                <a:lnTo>
                  <a:pt x="386488" y="0"/>
                </a:lnTo>
                <a:lnTo>
                  <a:pt x="491332" y="0"/>
                </a:lnTo>
                <a:lnTo>
                  <a:pt x="619388" y="0"/>
                </a:lnTo>
                <a:lnTo>
                  <a:pt x="772977" y="0"/>
                </a:lnTo>
                <a:lnTo>
                  <a:pt x="860073" y="0"/>
                </a:lnTo>
                <a:lnTo>
                  <a:pt x="954422" y="0"/>
                </a:lnTo>
                <a:lnTo>
                  <a:pt x="1056315" y="0"/>
                </a:lnTo>
                <a:lnTo>
                  <a:pt x="1166043" y="0"/>
                </a:lnTo>
                <a:lnTo>
                  <a:pt x="1283895" y="0"/>
                </a:lnTo>
                <a:lnTo>
                  <a:pt x="1410162" y="0"/>
                </a:lnTo>
                <a:lnTo>
                  <a:pt x="1545133" y="0"/>
                </a:lnTo>
                <a:lnTo>
                  <a:pt x="1689099" y="0"/>
                </a:lnTo>
                <a:cubicBezTo>
                  <a:pt x="1746884" y="0"/>
                  <a:pt x="1793874" y="46976"/>
                  <a:pt x="1793874" y="104744"/>
                </a:cubicBezTo>
                <a:cubicBezTo>
                  <a:pt x="1793874" y="104744"/>
                  <a:pt x="1793874" y="104744"/>
                  <a:pt x="1793874" y="2003457"/>
                </a:cubicBezTo>
                <a:cubicBezTo>
                  <a:pt x="1793874" y="2061224"/>
                  <a:pt x="1746884" y="2108200"/>
                  <a:pt x="1689099" y="2108200"/>
                </a:cubicBezTo>
                <a:lnTo>
                  <a:pt x="1686004" y="2108200"/>
                </a:lnTo>
                <a:lnTo>
                  <a:pt x="1678653" y="2108200"/>
                </a:lnTo>
                <a:lnTo>
                  <a:pt x="1664339" y="2108200"/>
                </a:lnTo>
                <a:lnTo>
                  <a:pt x="1640740" y="2108200"/>
                </a:lnTo>
                <a:lnTo>
                  <a:pt x="1605534" y="2108200"/>
                </a:lnTo>
                <a:lnTo>
                  <a:pt x="1556401" y="2108200"/>
                </a:lnTo>
                <a:lnTo>
                  <a:pt x="1491019" y="2108200"/>
                </a:lnTo>
                <a:lnTo>
                  <a:pt x="1407067" y="2108200"/>
                </a:lnTo>
                <a:lnTo>
                  <a:pt x="1302223" y="2108200"/>
                </a:lnTo>
                <a:lnTo>
                  <a:pt x="1174167" y="2108200"/>
                </a:lnTo>
                <a:lnTo>
                  <a:pt x="1020578" y="2108200"/>
                </a:lnTo>
                <a:lnTo>
                  <a:pt x="933482" y="2108200"/>
                </a:lnTo>
                <a:lnTo>
                  <a:pt x="839133" y="2108200"/>
                </a:lnTo>
                <a:lnTo>
                  <a:pt x="737240" y="2108200"/>
                </a:lnTo>
                <a:lnTo>
                  <a:pt x="627512" y="2108200"/>
                </a:lnTo>
                <a:lnTo>
                  <a:pt x="509660" y="2108200"/>
                </a:lnTo>
                <a:lnTo>
                  <a:pt x="383393" y="2108200"/>
                </a:lnTo>
                <a:lnTo>
                  <a:pt x="248422" y="2108200"/>
                </a:lnTo>
                <a:lnTo>
                  <a:pt x="104456" y="2108200"/>
                </a:lnTo>
                <a:cubicBezTo>
                  <a:pt x="61118" y="2108200"/>
                  <a:pt x="24030" y="2081776"/>
                  <a:pt x="8195" y="2044194"/>
                </a:cubicBezTo>
                <a:lnTo>
                  <a:pt x="0" y="2003462"/>
                </a:lnTo>
                <a:lnTo>
                  <a:pt x="0" y="104739"/>
                </a:lnTo>
                <a:lnTo>
                  <a:pt x="8195" y="64007"/>
                </a:lnTo>
                <a:cubicBezTo>
                  <a:pt x="24030" y="26424"/>
                  <a:pt x="61118" y="0"/>
                  <a:pt x="104456" y="0"/>
                </a:cubicBezTo>
                <a:close/>
              </a:path>
            </a:pathLst>
          </a:custGeom>
          <a:solidFill>
            <a:srgbClr val="FFFFFF">
              <a:alpha val="29804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468000" lvl="0" indent="-468000"/>
            <a:r>
              <a:rPr lang="en-GB" dirty="0"/>
              <a:t> </a:t>
            </a:r>
          </a:p>
        </p:txBody>
      </p:sp>
      <p:sp>
        <p:nvSpPr>
          <p:cNvPr id="108" name="Frame 11">
            <a:extLst>
              <a:ext uri="{FF2B5EF4-FFF2-40B4-BE49-F238E27FC236}">
                <a16:creationId xmlns:a16="http://schemas.microsoft.com/office/drawing/2014/main" id="{556AEE38-FA28-FC00-B02A-6C3257780356}"/>
              </a:ext>
            </a:extLst>
          </p:cNvPr>
          <p:cNvSpPr>
            <a:spLocks noGrp="1" noSelect="1"/>
          </p:cNvSpPr>
          <p:nvPr>
            <p:ph type="body" sz="quarter" idx="67" hasCustomPrompt="1"/>
          </p:nvPr>
        </p:nvSpPr>
        <p:spPr>
          <a:xfrm>
            <a:off x="1381126" y="1608138"/>
            <a:ext cx="1793874" cy="966788"/>
          </a:xfrm>
          <a:custGeom>
            <a:avLst/>
            <a:gdLst>
              <a:gd name="connsiteX0" fmla="*/ 104774 w 1793874"/>
              <a:gd name="connsiteY0" fmla="*/ 0 h 966788"/>
              <a:gd name="connsiteX1" fmla="*/ 107869 w 1793874"/>
              <a:gd name="connsiteY1" fmla="*/ 0 h 966788"/>
              <a:gd name="connsiteX2" fmla="*/ 129534 w 1793874"/>
              <a:gd name="connsiteY2" fmla="*/ 0 h 966788"/>
              <a:gd name="connsiteX3" fmla="*/ 153134 w 1793874"/>
              <a:gd name="connsiteY3" fmla="*/ 0 h 966788"/>
              <a:gd name="connsiteX4" fmla="*/ 188339 w 1793874"/>
              <a:gd name="connsiteY4" fmla="*/ 0 h 966788"/>
              <a:gd name="connsiteX5" fmla="*/ 237472 w 1793874"/>
              <a:gd name="connsiteY5" fmla="*/ 0 h 966788"/>
              <a:gd name="connsiteX6" fmla="*/ 302854 w 1793874"/>
              <a:gd name="connsiteY6" fmla="*/ 0 h 966788"/>
              <a:gd name="connsiteX7" fmla="*/ 386806 w 1793874"/>
              <a:gd name="connsiteY7" fmla="*/ 0 h 966788"/>
              <a:gd name="connsiteX8" fmla="*/ 491650 w 1793874"/>
              <a:gd name="connsiteY8" fmla="*/ 0 h 966788"/>
              <a:gd name="connsiteX9" fmla="*/ 619706 w 1793874"/>
              <a:gd name="connsiteY9" fmla="*/ 0 h 966788"/>
              <a:gd name="connsiteX10" fmla="*/ 773295 w 1793874"/>
              <a:gd name="connsiteY10" fmla="*/ 0 h 966788"/>
              <a:gd name="connsiteX11" fmla="*/ 954740 w 1793874"/>
              <a:gd name="connsiteY11" fmla="*/ 0 h 966788"/>
              <a:gd name="connsiteX12" fmla="*/ 1166361 w 1793874"/>
              <a:gd name="connsiteY12" fmla="*/ 0 h 966788"/>
              <a:gd name="connsiteX13" fmla="*/ 1410479 w 1793874"/>
              <a:gd name="connsiteY13" fmla="*/ 0 h 966788"/>
              <a:gd name="connsiteX14" fmla="*/ 1689417 w 1793874"/>
              <a:gd name="connsiteY14" fmla="*/ 0 h 966788"/>
              <a:gd name="connsiteX15" fmla="*/ 1793874 w 1793874"/>
              <a:gd name="connsiteY15" fmla="*/ 104561 h 966788"/>
              <a:gd name="connsiteX16" fmla="*/ 1793874 w 1793874"/>
              <a:gd name="connsiteY16" fmla="*/ 966788 h 966788"/>
              <a:gd name="connsiteX17" fmla="*/ 1689417 w 1793874"/>
              <a:gd name="connsiteY17" fmla="*/ 861910 h 966788"/>
              <a:gd name="connsiteX18" fmla="*/ 104774 w 1793874"/>
              <a:gd name="connsiteY18" fmla="*/ 861910 h 966788"/>
              <a:gd name="connsiteX19" fmla="*/ 8244 w 1793874"/>
              <a:gd name="connsiteY19" fmla="*/ 925999 h 966788"/>
              <a:gd name="connsiteX20" fmla="*/ 0 w 1793874"/>
              <a:gd name="connsiteY20" fmla="*/ 966783 h 966788"/>
              <a:gd name="connsiteX21" fmla="*/ 0 w 1793874"/>
              <a:gd name="connsiteY21" fmla="*/ 104556 h 966788"/>
              <a:gd name="connsiteX22" fmla="*/ 8244 w 1793874"/>
              <a:gd name="connsiteY22" fmla="*/ 63821 h 966788"/>
              <a:gd name="connsiteX23" fmla="*/ 104774 w 1793874"/>
              <a:gd name="connsiteY23" fmla="*/ 0 h 9667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</a:cxnLst>
            <a:rect l="l" t="t" r="r" b="b"/>
            <a:pathLst>
              <a:path w="1793874" h="966788">
                <a:moveTo>
                  <a:pt x="104774" y="0"/>
                </a:moveTo>
                <a:lnTo>
                  <a:pt x="107869" y="0"/>
                </a:lnTo>
                <a:lnTo>
                  <a:pt x="129534" y="0"/>
                </a:lnTo>
                <a:lnTo>
                  <a:pt x="153134" y="0"/>
                </a:lnTo>
                <a:lnTo>
                  <a:pt x="188339" y="0"/>
                </a:lnTo>
                <a:lnTo>
                  <a:pt x="237472" y="0"/>
                </a:lnTo>
                <a:lnTo>
                  <a:pt x="302854" y="0"/>
                </a:lnTo>
                <a:lnTo>
                  <a:pt x="386806" y="0"/>
                </a:lnTo>
                <a:lnTo>
                  <a:pt x="491650" y="0"/>
                </a:lnTo>
                <a:lnTo>
                  <a:pt x="619706" y="0"/>
                </a:lnTo>
                <a:lnTo>
                  <a:pt x="773295" y="0"/>
                </a:lnTo>
                <a:lnTo>
                  <a:pt x="954740" y="0"/>
                </a:lnTo>
                <a:lnTo>
                  <a:pt x="1166361" y="0"/>
                </a:lnTo>
                <a:lnTo>
                  <a:pt x="1410479" y="0"/>
                </a:lnTo>
                <a:lnTo>
                  <a:pt x="1689417" y="0"/>
                </a:lnTo>
                <a:cubicBezTo>
                  <a:pt x="1747202" y="0"/>
                  <a:pt x="1793874" y="46719"/>
                  <a:pt x="1793874" y="104561"/>
                </a:cubicBezTo>
                <a:cubicBezTo>
                  <a:pt x="1793874" y="104561"/>
                  <a:pt x="1793874" y="104561"/>
                  <a:pt x="1793874" y="966788"/>
                </a:cubicBezTo>
                <a:cubicBezTo>
                  <a:pt x="1793874" y="908946"/>
                  <a:pt x="1747202" y="861910"/>
                  <a:pt x="1689417" y="861910"/>
                </a:cubicBezTo>
                <a:cubicBezTo>
                  <a:pt x="1689417" y="861910"/>
                  <a:pt x="1689417" y="861910"/>
                  <a:pt x="104774" y="861910"/>
                </a:cubicBezTo>
                <a:cubicBezTo>
                  <a:pt x="61435" y="861910"/>
                  <a:pt x="24169" y="888368"/>
                  <a:pt x="8244" y="925999"/>
                </a:cubicBezTo>
                <a:lnTo>
                  <a:pt x="0" y="966783"/>
                </a:lnTo>
                <a:lnTo>
                  <a:pt x="0" y="104556"/>
                </a:lnTo>
                <a:lnTo>
                  <a:pt x="8244" y="63821"/>
                </a:lnTo>
                <a:cubicBezTo>
                  <a:pt x="24169" y="26279"/>
                  <a:pt x="61435" y="0"/>
                  <a:pt x="104774" y="0"/>
                </a:cubicBezTo>
                <a:close/>
              </a:path>
            </a:pathLst>
          </a:custGeom>
          <a:solidFill>
            <a:srgbClr val="FFFFFF">
              <a:alpha val="53000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468000" lvl="0" indent="-468000"/>
            <a:r>
              <a:rPr lang="en-GB" dirty="0"/>
              <a:t> </a:t>
            </a:r>
          </a:p>
        </p:txBody>
      </p:sp>
      <p:sp>
        <p:nvSpPr>
          <p:cNvPr id="110" name="Frame 12">
            <a:extLst>
              <a:ext uri="{FF2B5EF4-FFF2-40B4-BE49-F238E27FC236}">
                <a16:creationId xmlns:a16="http://schemas.microsoft.com/office/drawing/2014/main" id="{34E870B9-36AB-C6F5-1EAD-C3750E54689F}"/>
              </a:ext>
            </a:extLst>
          </p:cNvPr>
          <p:cNvSpPr>
            <a:spLocks noGrp="1" noSelect="1"/>
          </p:cNvSpPr>
          <p:nvPr>
            <p:ph type="body" sz="quarter" idx="68" hasCustomPrompt="1"/>
          </p:nvPr>
        </p:nvSpPr>
        <p:spPr>
          <a:xfrm>
            <a:off x="3286126" y="1608138"/>
            <a:ext cx="1793874" cy="966788"/>
          </a:xfrm>
          <a:custGeom>
            <a:avLst/>
            <a:gdLst>
              <a:gd name="connsiteX0" fmla="*/ 104774 w 1793874"/>
              <a:gd name="connsiteY0" fmla="*/ 0 h 966788"/>
              <a:gd name="connsiteX1" fmla="*/ 107869 w 1793874"/>
              <a:gd name="connsiteY1" fmla="*/ 0 h 966788"/>
              <a:gd name="connsiteX2" fmla="*/ 129529 w 1793874"/>
              <a:gd name="connsiteY2" fmla="*/ 0 h 966788"/>
              <a:gd name="connsiteX3" fmla="*/ 153124 w 1793874"/>
              <a:gd name="connsiteY3" fmla="*/ 0 h 966788"/>
              <a:gd name="connsiteX4" fmla="*/ 188323 w 1793874"/>
              <a:gd name="connsiteY4" fmla="*/ 0 h 966788"/>
              <a:gd name="connsiteX5" fmla="*/ 237446 w 1793874"/>
              <a:gd name="connsiteY5" fmla="*/ 0 h 966788"/>
              <a:gd name="connsiteX6" fmla="*/ 302815 w 1793874"/>
              <a:gd name="connsiteY6" fmla="*/ 0 h 966788"/>
              <a:gd name="connsiteX7" fmla="*/ 386750 w 1793874"/>
              <a:gd name="connsiteY7" fmla="*/ 0 h 966788"/>
              <a:gd name="connsiteX8" fmla="*/ 491572 w 1793874"/>
              <a:gd name="connsiteY8" fmla="*/ 0 h 966788"/>
              <a:gd name="connsiteX9" fmla="*/ 619602 w 1793874"/>
              <a:gd name="connsiteY9" fmla="*/ 0 h 966788"/>
              <a:gd name="connsiteX10" fmla="*/ 773161 w 1793874"/>
              <a:gd name="connsiteY10" fmla="*/ 0 h 966788"/>
              <a:gd name="connsiteX11" fmla="*/ 954570 w 1793874"/>
              <a:gd name="connsiteY11" fmla="*/ 0 h 966788"/>
              <a:gd name="connsiteX12" fmla="*/ 1166148 w 1793874"/>
              <a:gd name="connsiteY12" fmla="*/ 0 h 966788"/>
              <a:gd name="connsiteX13" fmla="*/ 1410218 w 1793874"/>
              <a:gd name="connsiteY13" fmla="*/ 0 h 966788"/>
              <a:gd name="connsiteX14" fmla="*/ 1689099 w 1793874"/>
              <a:gd name="connsiteY14" fmla="*/ 0 h 966788"/>
              <a:gd name="connsiteX15" fmla="*/ 1793874 w 1793874"/>
              <a:gd name="connsiteY15" fmla="*/ 104561 h 966788"/>
              <a:gd name="connsiteX16" fmla="*/ 1793874 w 1793874"/>
              <a:gd name="connsiteY16" fmla="*/ 966788 h 966788"/>
              <a:gd name="connsiteX17" fmla="*/ 1689099 w 1793874"/>
              <a:gd name="connsiteY17" fmla="*/ 861910 h 966788"/>
              <a:gd name="connsiteX18" fmla="*/ 104774 w 1793874"/>
              <a:gd name="connsiteY18" fmla="*/ 861910 h 966788"/>
              <a:gd name="connsiteX19" fmla="*/ 8244 w 1793874"/>
              <a:gd name="connsiteY19" fmla="*/ 925999 h 966788"/>
              <a:gd name="connsiteX20" fmla="*/ 0 w 1793874"/>
              <a:gd name="connsiteY20" fmla="*/ 966783 h 966788"/>
              <a:gd name="connsiteX21" fmla="*/ 0 w 1793874"/>
              <a:gd name="connsiteY21" fmla="*/ 104556 h 966788"/>
              <a:gd name="connsiteX22" fmla="*/ 8244 w 1793874"/>
              <a:gd name="connsiteY22" fmla="*/ 63821 h 966788"/>
              <a:gd name="connsiteX23" fmla="*/ 104774 w 1793874"/>
              <a:gd name="connsiteY23" fmla="*/ 0 h 9667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</a:cxnLst>
            <a:rect l="l" t="t" r="r" b="b"/>
            <a:pathLst>
              <a:path w="1793874" h="966788">
                <a:moveTo>
                  <a:pt x="104774" y="0"/>
                </a:moveTo>
                <a:lnTo>
                  <a:pt x="107869" y="0"/>
                </a:lnTo>
                <a:lnTo>
                  <a:pt x="129529" y="0"/>
                </a:lnTo>
                <a:lnTo>
                  <a:pt x="153124" y="0"/>
                </a:lnTo>
                <a:lnTo>
                  <a:pt x="188323" y="0"/>
                </a:lnTo>
                <a:lnTo>
                  <a:pt x="237446" y="0"/>
                </a:lnTo>
                <a:lnTo>
                  <a:pt x="302815" y="0"/>
                </a:lnTo>
                <a:lnTo>
                  <a:pt x="386750" y="0"/>
                </a:lnTo>
                <a:lnTo>
                  <a:pt x="491572" y="0"/>
                </a:lnTo>
                <a:lnTo>
                  <a:pt x="619602" y="0"/>
                </a:lnTo>
                <a:lnTo>
                  <a:pt x="773161" y="0"/>
                </a:lnTo>
                <a:lnTo>
                  <a:pt x="954570" y="0"/>
                </a:lnTo>
                <a:lnTo>
                  <a:pt x="1166148" y="0"/>
                </a:lnTo>
                <a:lnTo>
                  <a:pt x="1410218" y="0"/>
                </a:lnTo>
                <a:lnTo>
                  <a:pt x="1689099" y="0"/>
                </a:lnTo>
                <a:cubicBezTo>
                  <a:pt x="1746884" y="0"/>
                  <a:pt x="1793874" y="46719"/>
                  <a:pt x="1793874" y="104561"/>
                </a:cubicBezTo>
                <a:cubicBezTo>
                  <a:pt x="1793874" y="104561"/>
                  <a:pt x="1793874" y="104561"/>
                  <a:pt x="1793874" y="966788"/>
                </a:cubicBezTo>
                <a:cubicBezTo>
                  <a:pt x="1793874" y="908946"/>
                  <a:pt x="1746884" y="861910"/>
                  <a:pt x="1689099" y="861910"/>
                </a:cubicBezTo>
                <a:cubicBezTo>
                  <a:pt x="1689099" y="861910"/>
                  <a:pt x="1689099" y="861910"/>
                  <a:pt x="104774" y="861910"/>
                </a:cubicBezTo>
                <a:cubicBezTo>
                  <a:pt x="61435" y="861910"/>
                  <a:pt x="24169" y="888368"/>
                  <a:pt x="8244" y="925999"/>
                </a:cubicBezTo>
                <a:lnTo>
                  <a:pt x="0" y="966783"/>
                </a:lnTo>
                <a:lnTo>
                  <a:pt x="0" y="104556"/>
                </a:lnTo>
                <a:lnTo>
                  <a:pt x="8244" y="63821"/>
                </a:lnTo>
                <a:cubicBezTo>
                  <a:pt x="24169" y="26279"/>
                  <a:pt x="61435" y="0"/>
                  <a:pt x="104774" y="0"/>
                </a:cubicBezTo>
                <a:close/>
              </a:path>
            </a:pathLst>
          </a:cu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468000" lvl="0" indent="-468000"/>
            <a:r>
              <a:rPr lang="en-GB" dirty="0"/>
              <a:t> </a:t>
            </a:r>
          </a:p>
        </p:txBody>
      </p:sp>
      <p:sp>
        <p:nvSpPr>
          <p:cNvPr id="112" name="Frame 13">
            <a:extLst>
              <a:ext uri="{FF2B5EF4-FFF2-40B4-BE49-F238E27FC236}">
                <a16:creationId xmlns:a16="http://schemas.microsoft.com/office/drawing/2014/main" id="{FCC44274-F79C-C89F-97FF-14FD25DCF594}"/>
              </a:ext>
            </a:extLst>
          </p:cNvPr>
          <p:cNvSpPr>
            <a:spLocks noGrp="1" noSelect="1"/>
          </p:cNvSpPr>
          <p:nvPr>
            <p:ph type="body" sz="quarter" idx="69" hasCustomPrompt="1"/>
          </p:nvPr>
        </p:nvSpPr>
        <p:spPr>
          <a:xfrm>
            <a:off x="5191125" y="1608138"/>
            <a:ext cx="1792288" cy="966788"/>
          </a:xfrm>
          <a:custGeom>
            <a:avLst/>
            <a:gdLst>
              <a:gd name="connsiteX0" fmla="*/ 104683 w 1792288"/>
              <a:gd name="connsiteY0" fmla="*/ 0 h 966788"/>
              <a:gd name="connsiteX1" fmla="*/ 107774 w 1792288"/>
              <a:gd name="connsiteY1" fmla="*/ 0 h 966788"/>
              <a:gd name="connsiteX2" fmla="*/ 129416 w 1792288"/>
              <a:gd name="connsiteY2" fmla="*/ 0 h 966788"/>
              <a:gd name="connsiteX3" fmla="*/ 152990 w 1792288"/>
              <a:gd name="connsiteY3" fmla="*/ 0 h 966788"/>
              <a:gd name="connsiteX4" fmla="*/ 188157 w 1792288"/>
              <a:gd name="connsiteY4" fmla="*/ 0 h 966788"/>
              <a:gd name="connsiteX5" fmla="*/ 237237 w 1792288"/>
              <a:gd name="connsiteY5" fmla="*/ 0 h 966788"/>
              <a:gd name="connsiteX6" fmla="*/ 302548 w 1792288"/>
              <a:gd name="connsiteY6" fmla="*/ 0 h 966788"/>
              <a:gd name="connsiteX7" fmla="*/ 386409 w 1792288"/>
              <a:gd name="connsiteY7" fmla="*/ 0 h 966788"/>
              <a:gd name="connsiteX8" fmla="*/ 491139 w 1792288"/>
              <a:gd name="connsiteY8" fmla="*/ 0 h 966788"/>
              <a:gd name="connsiteX9" fmla="*/ 619056 w 1792288"/>
              <a:gd name="connsiteY9" fmla="*/ 0 h 966788"/>
              <a:gd name="connsiteX10" fmla="*/ 772479 w 1792288"/>
              <a:gd name="connsiteY10" fmla="*/ 0 h 966788"/>
              <a:gd name="connsiteX11" fmla="*/ 953726 w 1792288"/>
              <a:gd name="connsiteY11" fmla="*/ 0 h 966788"/>
              <a:gd name="connsiteX12" fmla="*/ 1165118 w 1792288"/>
              <a:gd name="connsiteY12" fmla="*/ 0 h 966788"/>
              <a:gd name="connsiteX13" fmla="*/ 1408972 w 1792288"/>
              <a:gd name="connsiteY13" fmla="*/ 0 h 966788"/>
              <a:gd name="connsiteX14" fmla="*/ 1687606 w 1792288"/>
              <a:gd name="connsiteY14" fmla="*/ 0 h 966788"/>
              <a:gd name="connsiteX15" fmla="*/ 1792288 w 1792288"/>
              <a:gd name="connsiteY15" fmla="*/ 104561 h 966788"/>
              <a:gd name="connsiteX16" fmla="*/ 1792288 w 1792288"/>
              <a:gd name="connsiteY16" fmla="*/ 106245 h 966788"/>
              <a:gd name="connsiteX17" fmla="*/ 1792288 w 1792288"/>
              <a:gd name="connsiteY17" fmla="*/ 118033 h 966788"/>
              <a:gd name="connsiteX18" fmla="*/ 1792288 w 1792288"/>
              <a:gd name="connsiteY18" fmla="*/ 130874 h 966788"/>
              <a:gd name="connsiteX19" fmla="*/ 1792288 w 1792288"/>
              <a:gd name="connsiteY19" fmla="*/ 150030 h 966788"/>
              <a:gd name="connsiteX20" fmla="*/ 1792288 w 1792288"/>
              <a:gd name="connsiteY20" fmla="*/ 176764 h 966788"/>
              <a:gd name="connsiteX21" fmla="*/ 1792288 w 1792288"/>
              <a:gd name="connsiteY21" fmla="*/ 212339 h 966788"/>
              <a:gd name="connsiteX22" fmla="*/ 1792288 w 1792288"/>
              <a:gd name="connsiteY22" fmla="*/ 258019 h 966788"/>
              <a:gd name="connsiteX23" fmla="*/ 1792288 w 1792288"/>
              <a:gd name="connsiteY23" fmla="*/ 315065 h 966788"/>
              <a:gd name="connsiteX24" fmla="*/ 1792288 w 1792288"/>
              <a:gd name="connsiteY24" fmla="*/ 384742 h 966788"/>
              <a:gd name="connsiteX25" fmla="*/ 1792288 w 1792288"/>
              <a:gd name="connsiteY25" fmla="*/ 468313 h 966788"/>
              <a:gd name="connsiteX26" fmla="*/ 1792288 w 1792288"/>
              <a:gd name="connsiteY26" fmla="*/ 567040 h 966788"/>
              <a:gd name="connsiteX27" fmla="*/ 1792288 w 1792288"/>
              <a:gd name="connsiteY27" fmla="*/ 682186 h 966788"/>
              <a:gd name="connsiteX28" fmla="*/ 1792288 w 1792288"/>
              <a:gd name="connsiteY28" fmla="*/ 815014 h 966788"/>
              <a:gd name="connsiteX29" fmla="*/ 1792288 w 1792288"/>
              <a:gd name="connsiteY29" fmla="*/ 966788 h 966788"/>
              <a:gd name="connsiteX30" fmla="*/ 1687606 w 1792288"/>
              <a:gd name="connsiteY30" fmla="*/ 861910 h 966788"/>
              <a:gd name="connsiteX31" fmla="*/ 104683 w 1792288"/>
              <a:gd name="connsiteY31" fmla="*/ 861910 h 966788"/>
              <a:gd name="connsiteX32" fmla="*/ 0 w 1792288"/>
              <a:gd name="connsiteY32" fmla="*/ 966788 h 966788"/>
              <a:gd name="connsiteX33" fmla="*/ 0 w 1792288"/>
              <a:gd name="connsiteY33" fmla="*/ 965104 h 966788"/>
              <a:gd name="connsiteX34" fmla="*/ 0 w 1792288"/>
              <a:gd name="connsiteY34" fmla="*/ 953316 h 966788"/>
              <a:gd name="connsiteX35" fmla="*/ 0 w 1792288"/>
              <a:gd name="connsiteY35" fmla="*/ 940475 h 966788"/>
              <a:gd name="connsiteX36" fmla="*/ 0 w 1792288"/>
              <a:gd name="connsiteY36" fmla="*/ 921319 h 966788"/>
              <a:gd name="connsiteX37" fmla="*/ 0 w 1792288"/>
              <a:gd name="connsiteY37" fmla="*/ 894585 h 966788"/>
              <a:gd name="connsiteX38" fmla="*/ 0 w 1792288"/>
              <a:gd name="connsiteY38" fmla="*/ 859010 h 966788"/>
              <a:gd name="connsiteX39" fmla="*/ 0 w 1792288"/>
              <a:gd name="connsiteY39" fmla="*/ 813330 h 966788"/>
              <a:gd name="connsiteX40" fmla="*/ 0 w 1792288"/>
              <a:gd name="connsiteY40" fmla="*/ 756283 h 966788"/>
              <a:gd name="connsiteX41" fmla="*/ 0 w 1792288"/>
              <a:gd name="connsiteY41" fmla="*/ 686606 h 966788"/>
              <a:gd name="connsiteX42" fmla="*/ 0 w 1792288"/>
              <a:gd name="connsiteY42" fmla="*/ 603036 h 966788"/>
              <a:gd name="connsiteX43" fmla="*/ 0 w 1792288"/>
              <a:gd name="connsiteY43" fmla="*/ 504309 h 966788"/>
              <a:gd name="connsiteX44" fmla="*/ 0 w 1792288"/>
              <a:gd name="connsiteY44" fmla="*/ 389163 h 966788"/>
              <a:gd name="connsiteX45" fmla="*/ 0 w 1792288"/>
              <a:gd name="connsiteY45" fmla="*/ 256335 h 966788"/>
              <a:gd name="connsiteX46" fmla="*/ 0 w 1792288"/>
              <a:gd name="connsiteY46" fmla="*/ 104561 h 966788"/>
              <a:gd name="connsiteX47" fmla="*/ 104683 w 1792288"/>
              <a:gd name="connsiteY47" fmla="*/ 0 h 9667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</a:cxnLst>
            <a:rect l="l" t="t" r="r" b="b"/>
            <a:pathLst>
              <a:path w="1792288" h="966788">
                <a:moveTo>
                  <a:pt x="104683" y="0"/>
                </a:moveTo>
                <a:lnTo>
                  <a:pt x="107774" y="0"/>
                </a:lnTo>
                <a:lnTo>
                  <a:pt x="129416" y="0"/>
                </a:lnTo>
                <a:lnTo>
                  <a:pt x="152990" y="0"/>
                </a:lnTo>
                <a:lnTo>
                  <a:pt x="188157" y="0"/>
                </a:lnTo>
                <a:lnTo>
                  <a:pt x="237237" y="0"/>
                </a:lnTo>
                <a:lnTo>
                  <a:pt x="302548" y="0"/>
                </a:lnTo>
                <a:lnTo>
                  <a:pt x="386409" y="0"/>
                </a:lnTo>
                <a:lnTo>
                  <a:pt x="491139" y="0"/>
                </a:lnTo>
                <a:lnTo>
                  <a:pt x="619056" y="0"/>
                </a:lnTo>
                <a:lnTo>
                  <a:pt x="772479" y="0"/>
                </a:lnTo>
                <a:lnTo>
                  <a:pt x="953726" y="0"/>
                </a:lnTo>
                <a:lnTo>
                  <a:pt x="1165118" y="0"/>
                </a:lnTo>
                <a:lnTo>
                  <a:pt x="1408972" y="0"/>
                </a:lnTo>
                <a:lnTo>
                  <a:pt x="1687606" y="0"/>
                </a:lnTo>
                <a:cubicBezTo>
                  <a:pt x="1745340" y="0"/>
                  <a:pt x="1792288" y="46719"/>
                  <a:pt x="1792288" y="104561"/>
                </a:cubicBezTo>
                <a:lnTo>
                  <a:pt x="1792288" y="106245"/>
                </a:lnTo>
                <a:lnTo>
                  <a:pt x="1792288" y="118033"/>
                </a:lnTo>
                <a:lnTo>
                  <a:pt x="1792288" y="130874"/>
                </a:lnTo>
                <a:lnTo>
                  <a:pt x="1792288" y="150030"/>
                </a:lnTo>
                <a:lnTo>
                  <a:pt x="1792288" y="176764"/>
                </a:lnTo>
                <a:lnTo>
                  <a:pt x="1792288" y="212339"/>
                </a:lnTo>
                <a:lnTo>
                  <a:pt x="1792288" y="258019"/>
                </a:lnTo>
                <a:lnTo>
                  <a:pt x="1792288" y="315065"/>
                </a:lnTo>
                <a:lnTo>
                  <a:pt x="1792288" y="384742"/>
                </a:lnTo>
                <a:lnTo>
                  <a:pt x="1792288" y="468313"/>
                </a:lnTo>
                <a:lnTo>
                  <a:pt x="1792288" y="567040"/>
                </a:lnTo>
                <a:lnTo>
                  <a:pt x="1792288" y="682186"/>
                </a:lnTo>
                <a:lnTo>
                  <a:pt x="1792288" y="815014"/>
                </a:lnTo>
                <a:lnTo>
                  <a:pt x="1792288" y="966788"/>
                </a:lnTo>
                <a:cubicBezTo>
                  <a:pt x="1792288" y="908946"/>
                  <a:pt x="1745340" y="861910"/>
                  <a:pt x="1687606" y="861910"/>
                </a:cubicBezTo>
                <a:cubicBezTo>
                  <a:pt x="1687606" y="861910"/>
                  <a:pt x="1687606" y="861910"/>
                  <a:pt x="104683" y="861910"/>
                </a:cubicBezTo>
                <a:cubicBezTo>
                  <a:pt x="46949" y="861910"/>
                  <a:pt x="0" y="908946"/>
                  <a:pt x="0" y="966788"/>
                </a:cubicBezTo>
                <a:lnTo>
                  <a:pt x="0" y="965104"/>
                </a:lnTo>
                <a:lnTo>
                  <a:pt x="0" y="953316"/>
                </a:lnTo>
                <a:lnTo>
                  <a:pt x="0" y="940475"/>
                </a:lnTo>
                <a:lnTo>
                  <a:pt x="0" y="921319"/>
                </a:lnTo>
                <a:lnTo>
                  <a:pt x="0" y="894585"/>
                </a:lnTo>
                <a:lnTo>
                  <a:pt x="0" y="859010"/>
                </a:lnTo>
                <a:lnTo>
                  <a:pt x="0" y="813330"/>
                </a:lnTo>
                <a:lnTo>
                  <a:pt x="0" y="756283"/>
                </a:lnTo>
                <a:lnTo>
                  <a:pt x="0" y="686606"/>
                </a:lnTo>
                <a:lnTo>
                  <a:pt x="0" y="603036"/>
                </a:lnTo>
                <a:lnTo>
                  <a:pt x="0" y="504309"/>
                </a:lnTo>
                <a:lnTo>
                  <a:pt x="0" y="389163"/>
                </a:lnTo>
                <a:lnTo>
                  <a:pt x="0" y="256335"/>
                </a:lnTo>
                <a:lnTo>
                  <a:pt x="0" y="104561"/>
                </a:lnTo>
                <a:cubicBezTo>
                  <a:pt x="0" y="46719"/>
                  <a:pt x="46949" y="0"/>
                  <a:pt x="104683" y="0"/>
                </a:cubicBezTo>
                <a:close/>
              </a:path>
            </a:pathLst>
          </a:custGeom>
          <a:solidFill>
            <a:srgbClr val="FFFFFF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114" name="Frame 14">
            <a:extLst>
              <a:ext uri="{FF2B5EF4-FFF2-40B4-BE49-F238E27FC236}">
                <a16:creationId xmlns:a16="http://schemas.microsoft.com/office/drawing/2014/main" id="{EAF3A89C-2E43-D80B-BED1-6F50BABAE3A2}"/>
              </a:ext>
            </a:extLst>
          </p:cNvPr>
          <p:cNvSpPr>
            <a:spLocks noGrp="1" noSelect="1"/>
          </p:cNvSpPr>
          <p:nvPr>
            <p:ph type="body" sz="quarter" idx="70" hasCustomPrompt="1"/>
          </p:nvPr>
        </p:nvSpPr>
        <p:spPr>
          <a:xfrm>
            <a:off x="7094539" y="1608138"/>
            <a:ext cx="1793874" cy="966788"/>
          </a:xfrm>
          <a:custGeom>
            <a:avLst/>
            <a:gdLst>
              <a:gd name="connsiteX0" fmla="*/ 104457 w 1793874"/>
              <a:gd name="connsiteY0" fmla="*/ 0 h 966788"/>
              <a:gd name="connsiteX1" fmla="*/ 107552 w 1793874"/>
              <a:gd name="connsiteY1" fmla="*/ 0 h 966788"/>
              <a:gd name="connsiteX2" fmla="*/ 129217 w 1793874"/>
              <a:gd name="connsiteY2" fmla="*/ 0 h 966788"/>
              <a:gd name="connsiteX3" fmla="*/ 152816 w 1793874"/>
              <a:gd name="connsiteY3" fmla="*/ 0 h 966788"/>
              <a:gd name="connsiteX4" fmla="*/ 188022 w 1793874"/>
              <a:gd name="connsiteY4" fmla="*/ 0 h 966788"/>
              <a:gd name="connsiteX5" fmla="*/ 237155 w 1793874"/>
              <a:gd name="connsiteY5" fmla="*/ 0 h 966788"/>
              <a:gd name="connsiteX6" fmla="*/ 302537 w 1793874"/>
              <a:gd name="connsiteY6" fmla="*/ 0 h 966788"/>
              <a:gd name="connsiteX7" fmla="*/ 386489 w 1793874"/>
              <a:gd name="connsiteY7" fmla="*/ 0 h 966788"/>
              <a:gd name="connsiteX8" fmla="*/ 491332 w 1793874"/>
              <a:gd name="connsiteY8" fmla="*/ 0 h 966788"/>
              <a:gd name="connsiteX9" fmla="*/ 619388 w 1793874"/>
              <a:gd name="connsiteY9" fmla="*/ 0 h 966788"/>
              <a:gd name="connsiteX10" fmla="*/ 772978 w 1793874"/>
              <a:gd name="connsiteY10" fmla="*/ 0 h 966788"/>
              <a:gd name="connsiteX11" fmla="*/ 954422 w 1793874"/>
              <a:gd name="connsiteY11" fmla="*/ 0 h 966788"/>
              <a:gd name="connsiteX12" fmla="*/ 1166043 w 1793874"/>
              <a:gd name="connsiteY12" fmla="*/ 0 h 966788"/>
              <a:gd name="connsiteX13" fmla="*/ 1410162 w 1793874"/>
              <a:gd name="connsiteY13" fmla="*/ 0 h 966788"/>
              <a:gd name="connsiteX14" fmla="*/ 1689099 w 1793874"/>
              <a:gd name="connsiteY14" fmla="*/ 0 h 966788"/>
              <a:gd name="connsiteX15" fmla="*/ 1793874 w 1793874"/>
              <a:gd name="connsiteY15" fmla="*/ 104561 h 966788"/>
              <a:gd name="connsiteX16" fmla="*/ 1793874 w 1793874"/>
              <a:gd name="connsiteY16" fmla="*/ 966788 h 966788"/>
              <a:gd name="connsiteX17" fmla="*/ 1689099 w 1793874"/>
              <a:gd name="connsiteY17" fmla="*/ 861910 h 966788"/>
              <a:gd name="connsiteX18" fmla="*/ 104457 w 1793874"/>
              <a:gd name="connsiteY18" fmla="*/ 861910 h 966788"/>
              <a:gd name="connsiteX19" fmla="*/ 8195 w 1793874"/>
              <a:gd name="connsiteY19" fmla="*/ 925999 h 966788"/>
              <a:gd name="connsiteX20" fmla="*/ 0 w 1793874"/>
              <a:gd name="connsiteY20" fmla="*/ 966783 h 966788"/>
              <a:gd name="connsiteX21" fmla="*/ 0 w 1793874"/>
              <a:gd name="connsiteY21" fmla="*/ 104556 h 966788"/>
              <a:gd name="connsiteX22" fmla="*/ 8195 w 1793874"/>
              <a:gd name="connsiteY22" fmla="*/ 63821 h 966788"/>
              <a:gd name="connsiteX23" fmla="*/ 104457 w 1793874"/>
              <a:gd name="connsiteY23" fmla="*/ 0 h 9667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</a:cxnLst>
            <a:rect l="l" t="t" r="r" b="b"/>
            <a:pathLst>
              <a:path w="1793874" h="966788">
                <a:moveTo>
                  <a:pt x="104457" y="0"/>
                </a:moveTo>
                <a:lnTo>
                  <a:pt x="107552" y="0"/>
                </a:lnTo>
                <a:lnTo>
                  <a:pt x="129217" y="0"/>
                </a:lnTo>
                <a:lnTo>
                  <a:pt x="152816" y="0"/>
                </a:lnTo>
                <a:lnTo>
                  <a:pt x="188022" y="0"/>
                </a:lnTo>
                <a:lnTo>
                  <a:pt x="237155" y="0"/>
                </a:lnTo>
                <a:lnTo>
                  <a:pt x="302537" y="0"/>
                </a:lnTo>
                <a:lnTo>
                  <a:pt x="386489" y="0"/>
                </a:lnTo>
                <a:lnTo>
                  <a:pt x="491332" y="0"/>
                </a:lnTo>
                <a:lnTo>
                  <a:pt x="619388" y="0"/>
                </a:lnTo>
                <a:lnTo>
                  <a:pt x="772978" y="0"/>
                </a:lnTo>
                <a:lnTo>
                  <a:pt x="954422" y="0"/>
                </a:lnTo>
                <a:lnTo>
                  <a:pt x="1166043" y="0"/>
                </a:lnTo>
                <a:lnTo>
                  <a:pt x="1410162" y="0"/>
                </a:lnTo>
                <a:lnTo>
                  <a:pt x="1689099" y="0"/>
                </a:lnTo>
                <a:cubicBezTo>
                  <a:pt x="1746884" y="0"/>
                  <a:pt x="1793874" y="46719"/>
                  <a:pt x="1793874" y="104561"/>
                </a:cubicBezTo>
                <a:cubicBezTo>
                  <a:pt x="1793874" y="104561"/>
                  <a:pt x="1793874" y="104561"/>
                  <a:pt x="1793874" y="966788"/>
                </a:cubicBezTo>
                <a:cubicBezTo>
                  <a:pt x="1793874" y="908946"/>
                  <a:pt x="1746884" y="861910"/>
                  <a:pt x="1689099" y="861910"/>
                </a:cubicBezTo>
                <a:cubicBezTo>
                  <a:pt x="1689099" y="861910"/>
                  <a:pt x="1689099" y="861910"/>
                  <a:pt x="104457" y="861910"/>
                </a:cubicBezTo>
                <a:cubicBezTo>
                  <a:pt x="61118" y="861910"/>
                  <a:pt x="24030" y="888368"/>
                  <a:pt x="8195" y="925999"/>
                </a:cubicBezTo>
                <a:lnTo>
                  <a:pt x="0" y="966783"/>
                </a:lnTo>
                <a:lnTo>
                  <a:pt x="0" y="104556"/>
                </a:lnTo>
                <a:lnTo>
                  <a:pt x="8195" y="63821"/>
                </a:lnTo>
                <a:cubicBezTo>
                  <a:pt x="24030" y="26279"/>
                  <a:pt x="61118" y="0"/>
                  <a:pt x="104457" y="0"/>
                </a:cubicBezTo>
                <a:close/>
              </a:path>
            </a:pathLst>
          </a:custGeom>
          <a:solidFill>
            <a:srgbClr val="FFFFFF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116" name="Frame 15">
            <a:extLst>
              <a:ext uri="{FF2B5EF4-FFF2-40B4-BE49-F238E27FC236}">
                <a16:creationId xmlns:a16="http://schemas.microsoft.com/office/drawing/2014/main" id="{0BDF5767-C305-AB38-F127-F549031C73F1}"/>
              </a:ext>
            </a:extLst>
          </p:cNvPr>
          <p:cNvSpPr>
            <a:spLocks noGrp="1" noSelect="1"/>
          </p:cNvSpPr>
          <p:nvPr>
            <p:ph type="body" sz="quarter" idx="71" hasCustomPrompt="1"/>
          </p:nvPr>
        </p:nvSpPr>
        <p:spPr>
          <a:xfrm>
            <a:off x="9002714" y="1608138"/>
            <a:ext cx="1793874" cy="966788"/>
          </a:xfrm>
          <a:custGeom>
            <a:avLst/>
            <a:gdLst>
              <a:gd name="connsiteX0" fmla="*/ 104456 w 1793874"/>
              <a:gd name="connsiteY0" fmla="*/ 0 h 966788"/>
              <a:gd name="connsiteX1" fmla="*/ 107551 w 1793874"/>
              <a:gd name="connsiteY1" fmla="*/ 0 h 966788"/>
              <a:gd name="connsiteX2" fmla="*/ 129216 w 1793874"/>
              <a:gd name="connsiteY2" fmla="*/ 0 h 966788"/>
              <a:gd name="connsiteX3" fmla="*/ 152816 w 1793874"/>
              <a:gd name="connsiteY3" fmla="*/ 0 h 966788"/>
              <a:gd name="connsiteX4" fmla="*/ 188021 w 1793874"/>
              <a:gd name="connsiteY4" fmla="*/ 0 h 966788"/>
              <a:gd name="connsiteX5" fmla="*/ 237154 w 1793874"/>
              <a:gd name="connsiteY5" fmla="*/ 0 h 966788"/>
              <a:gd name="connsiteX6" fmla="*/ 302536 w 1793874"/>
              <a:gd name="connsiteY6" fmla="*/ 0 h 966788"/>
              <a:gd name="connsiteX7" fmla="*/ 386488 w 1793874"/>
              <a:gd name="connsiteY7" fmla="*/ 0 h 966788"/>
              <a:gd name="connsiteX8" fmla="*/ 491332 w 1793874"/>
              <a:gd name="connsiteY8" fmla="*/ 0 h 966788"/>
              <a:gd name="connsiteX9" fmla="*/ 619388 w 1793874"/>
              <a:gd name="connsiteY9" fmla="*/ 0 h 966788"/>
              <a:gd name="connsiteX10" fmla="*/ 772977 w 1793874"/>
              <a:gd name="connsiteY10" fmla="*/ 0 h 966788"/>
              <a:gd name="connsiteX11" fmla="*/ 954422 w 1793874"/>
              <a:gd name="connsiteY11" fmla="*/ 0 h 966788"/>
              <a:gd name="connsiteX12" fmla="*/ 1166043 w 1793874"/>
              <a:gd name="connsiteY12" fmla="*/ 0 h 966788"/>
              <a:gd name="connsiteX13" fmla="*/ 1410162 w 1793874"/>
              <a:gd name="connsiteY13" fmla="*/ 0 h 966788"/>
              <a:gd name="connsiteX14" fmla="*/ 1689099 w 1793874"/>
              <a:gd name="connsiteY14" fmla="*/ 0 h 966788"/>
              <a:gd name="connsiteX15" fmla="*/ 1793874 w 1793874"/>
              <a:gd name="connsiteY15" fmla="*/ 104561 h 966788"/>
              <a:gd name="connsiteX16" fmla="*/ 1793874 w 1793874"/>
              <a:gd name="connsiteY16" fmla="*/ 966788 h 966788"/>
              <a:gd name="connsiteX17" fmla="*/ 1689099 w 1793874"/>
              <a:gd name="connsiteY17" fmla="*/ 861910 h 966788"/>
              <a:gd name="connsiteX18" fmla="*/ 104456 w 1793874"/>
              <a:gd name="connsiteY18" fmla="*/ 861910 h 966788"/>
              <a:gd name="connsiteX19" fmla="*/ 8195 w 1793874"/>
              <a:gd name="connsiteY19" fmla="*/ 925999 h 966788"/>
              <a:gd name="connsiteX20" fmla="*/ 0 w 1793874"/>
              <a:gd name="connsiteY20" fmla="*/ 966783 h 966788"/>
              <a:gd name="connsiteX21" fmla="*/ 0 w 1793874"/>
              <a:gd name="connsiteY21" fmla="*/ 104556 h 966788"/>
              <a:gd name="connsiteX22" fmla="*/ 8195 w 1793874"/>
              <a:gd name="connsiteY22" fmla="*/ 63821 h 966788"/>
              <a:gd name="connsiteX23" fmla="*/ 104456 w 1793874"/>
              <a:gd name="connsiteY23" fmla="*/ 0 h 9667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</a:cxnLst>
            <a:rect l="l" t="t" r="r" b="b"/>
            <a:pathLst>
              <a:path w="1793874" h="966788">
                <a:moveTo>
                  <a:pt x="104456" y="0"/>
                </a:moveTo>
                <a:lnTo>
                  <a:pt x="107551" y="0"/>
                </a:lnTo>
                <a:lnTo>
                  <a:pt x="129216" y="0"/>
                </a:lnTo>
                <a:lnTo>
                  <a:pt x="152816" y="0"/>
                </a:lnTo>
                <a:lnTo>
                  <a:pt x="188021" y="0"/>
                </a:lnTo>
                <a:lnTo>
                  <a:pt x="237154" y="0"/>
                </a:lnTo>
                <a:lnTo>
                  <a:pt x="302536" y="0"/>
                </a:lnTo>
                <a:lnTo>
                  <a:pt x="386488" y="0"/>
                </a:lnTo>
                <a:lnTo>
                  <a:pt x="491332" y="0"/>
                </a:lnTo>
                <a:lnTo>
                  <a:pt x="619388" y="0"/>
                </a:lnTo>
                <a:lnTo>
                  <a:pt x="772977" y="0"/>
                </a:lnTo>
                <a:lnTo>
                  <a:pt x="954422" y="0"/>
                </a:lnTo>
                <a:lnTo>
                  <a:pt x="1166043" y="0"/>
                </a:lnTo>
                <a:lnTo>
                  <a:pt x="1410162" y="0"/>
                </a:lnTo>
                <a:lnTo>
                  <a:pt x="1689099" y="0"/>
                </a:lnTo>
                <a:cubicBezTo>
                  <a:pt x="1746884" y="0"/>
                  <a:pt x="1793874" y="46719"/>
                  <a:pt x="1793874" y="104561"/>
                </a:cubicBezTo>
                <a:cubicBezTo>
                  <a:pt x="1793874" y="104561"/>
                  <a:pt x="1793874" y="104561"/>
                  <a:pt x="1793874" y="966788"/>
                </a:cubicBezTo>
                <a:cubicBezTo>
                  <a:pt x="1793874" y="908946"/>
                  <a:pt x="1746884" y="861910"/>
                  <a:pt x="1689099" y="861910"/>
                </a:cubicBezTo>
                <a:cubicBezTo>
                  <a:pt x="1689099" y="861910"/>
                  <a:pt x="1689099" y="861910"/>
                  <a:pt x="104456" y="861910"/>
                </a:cubicBezTo>
                <a:cubicBezTo>
                  <a:pt x="61118" y="861910"/>
                  <a:pt x="24030" y="888368"/>
                  <a:pt x="8195" y="925999"/>
                </a:cubicBezTo>
                <a:lnTo>
                  <a:pt x="0" y="966783"/>
                </a:lnTo>
                <a:lnTo>
                  <a:pt x="0" y="104556"/>
                </a:lnTo>
                <a:lnTo>
                  <a:pt x="8195" y="63821"/>
                </a:lnTo>
                <a:cubicBezTo>
                  <a:pt x="24030" y="26279"/>
                  <a:pt x="61118" y="0"/>
                  <a:pt x="104456" y="0"/>
                </a:cubicBezTo>
                <a:close/>
              </a:path>
            </a:pathLst>
          </a:custGeom>
          <a:solidFill>
            <a:srgbClr val="FFFFFF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118" name="Frame 16">
            <a:extLst>
              <a:ext uri="{FF2B5EF4-FFF2-40B4-BE49-F238E27FC236}">
                <a16:creationId xmlns:a16="http://schemas.microsoft.com/office/drawing/2014/main" id="{4E2DFB98-D43A-58B7-10F9-07B9A56EA930}"/>
              </a:ext>
            </a:extLst>
          </p:cNvPr>
          <p:cNvSpPr>
            <a:spLocks noGrp="1" noSelect="1"/>
          </p:cNvSpPr>
          <p:nvPr>
            <p:ph type="body" sz="quarter" idx="72" hasCustomPrompt="1"/>
          </p:nvPr>
        </p:nvSpPr>
        <p:spPr>
          <a:xfrm>
            <a:off x="3286126" y="2470152"/>
            <a:ext cx="1793874" cy="1057274"/>
          </a:xfrm>
          <a:custGeom>
            <a:avLst/>
            <a:gdLst>
              <a:gd name="connsiteX0" fmla="*/ 104769 w 1793874"/>
              <a:gd name="connsiteY0" fmla="*/ 0 h 1057274"/>
              <a:gd name="connsiteX1" fmla="*/ 1689104 w 1793874"/>
              <a:gd name="connsiteY1" fmla="*/ 0 h 1057274"/>
              <a:gd name="connsiteX2" fmla="*/ 1729848 w 1793874"/>
              <a:gd name="connsiteY2" fmla="*/ 8239 h 1057274"/>
              <a:gd name="connsiteX3" fmla="*/ 1793874 w 1793874"/>
              <a:gd name="connsiteY3" fmla="*/ 104711 h 1057274"/>
              <a:gd name="connsiteX4" fmla="*/ 1793874 w 1793874"/>
              <a:gd name="connsiteY4" fmla="*/ 952562 h 1057274"/>
              <a:gd name="connsiteX5" fmla="*/ 1689099 w 1793874"/>
              <a:gd name="connsiteY5" fmla="*/ 1057274 h 1057274"/>
              <a:gd name="connsiteX6" fmla="*/ 104774 w 1793874"/>
              <a:gd name="connsiteY6" fmla="*/ 1057274 h 1057274"/>
              <a:gd name="connsiteX7" fmla="*/ 8244 w 1793874"/>
              <a:gd name="connsiteY7" fmla="*/ 993287 h 1057274"/>
              <a:gd name="connsiteX8" fmla="*/ 0 w 1793874"/>
              <a:gd name="connsiteY8" fmla="*/ 952567 h 1057274"/>
              <a:gd name="connsiteX9" fmla="*/ 0 w 1793874"/>
              <a:gd name="connsiteY9" fmla="*/ 104706 h 1057274"/>
              <a:gd name="connsiteX10" fmla="*/ 8244 w 1793874"/>
              <a:gd name="connsiteY10" fmla="*/ 63987 h 1057274"/>
              <a:gd name="connsiteX11" fmla="*/ 64025 w 1793874"/>
              <a:gd name="connsiteY11" fmla="*/ 8239 h 105727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793874" h="1057274">
                <a:moveTo>
                  <a:pt x="104769" y="0"/>
                </a:moveTo>
                <a:lnTo>
                  <a:pt x="1689104" y="0"/>
                </a:lnTo>
                <a:lnTo>
                  <a:pt x="1729848" y="8239"/>
                </a:lnTo>
                <a:cubicBezTo>
                  <a:pt x="1767442" y="24154"/>
                  <a:pt x="1793874" y="61398"/>
                  <a:pt x="1793874" y="104711"/>
                </a:cubicBezTo>
                <a:cubicBezTo>
                  <a:pt x="1793874" y="104711"/>
                  <a:pt x="1793874" y="104711"/>
                  <a:pt x="1793874" y="952562"/>
                </a:cubicBezTo>
                <a:cubicBezTo>
                  <a:pt x="1793874" y="1010312"/>
                  <a:pt x="1746884" y="1057274"/>
                  <a:pt x="1689099" y="1057274"/>
                </a:cubicBezTo>
                <a:cubicBezTo>
                  <a:pt x="1689099" y="1057274"/>
                  <a:pt x="1689099" y="1057274"/>
                  <a:pt x="104774" y="1057274"/>
                </a:cubicBezTo>
                <a:cubicBezTo>
                  <a:pt x="61435" y="1057274"/>
                  <a:pt x="24169" y="1030858"/>
                  <a:pt x="8244" y="993287"/>
                </a:cubicBezTo>
                <a:lnTo>
                  <a:pt x="0" y="952567"/>
                </a:lnTo>
                <a:lnTo>
                  <a:pt x="0" y="104706"/>
                </a:lnTo>
                <a:lnTo>
                  <a:pt x="8244" y="63987"/>
                </a:lnTo>
                <a:cubicBezTo>
                  <a:pt x="18861" y="38939"/>
                  <a:pt x="38962" y="18849"/>
                  <a:pt x="64025" y="8239"/>
                </a:cubicBezTo>
                <a:close/>
              </a:path>
            </a:pathLst>
          </a:custGeom>
          <a:solidFill>
            <a:srgbClr val="FFFFFF">
              <a:alpha val="30196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468000" lvl="0" indent="-468000"/>
            <a:r>
              <a:rPr lang="en-GB" dirty="0"/>
              <a:t> </a:t>
            </a:r>
          </a:p>
        </p:txBody>
      </p:sp>
      <p:sp>
        <p:nvSpPr>
          <p:cNvPr id="120" name="Frame 17">
            <a:extLst>
              <a:ext uri="{FF2B5EF4-FFF2-40B4-BE49-F238E27FC236}">
                <a16:creationId xmlns:a16="http://schemas.microsoft.com/office/drawing/2014/main" id="{C47297D2-00BD-E834-9F7C-993CC4FD35D9}"/>
              </a:ext>
            </a:extLst>
          </p:cNvPr>
          <p:cNvSpPr>
            <a:spLocks noGrp="1" noSelect="1"/>
          </p:cNvSpPr>
          <p:nvPr>
            <p:ph type="body" sz="quarter" idx="73" hasCustomPrompt="1"/>
          </p:nvPr>
        </p:nvSpPr>
        <p:spPr>
          <a:xfrm>
            <a:off x="1381126" y="2470152"/>
            <a:ext cx="1793874" cy="1057274"/>
          </a:xfrm>
          <a:custGeom>
            <a:avLst/>
            <a:gdLst>
              <a:gd name="connsiteX0" fmla="*/ 104769 w 1793874"/>
              <a:gd name="connsiteY0" fmla="*/ 0 h 1057274"/>
              <a:gd name="connsiteX1" fmla="*/ 1689422 w 1793874"/>
              <a:gd name="connsiteY1" fmla="*/ 0 h 1057274"/>
              <a:gd name="connsiteX2" fmla="*/ 1730116 w 1793874"/>
              <a:gd name="connsiteY2" fmla="*/ 8239 h 1057274"/>
              <a:gd name="connsiteX3" fmla="*/ 1793874 w 1793874"/>
              <a:gd name="connsiteY3" fmla="*/ 104711 h 1057274"/>
              <a:gd name="connsiteX4" fmla="*/ 1793874 w 1793874"/>
              <a:gd name="connsiteY4" fmla="*/ 952562 h 1057274"/>
              <a:gd name="connsiteX5" fmla="*/ 1689417 w 1793874"/>
              <a:gd name="connsiteY5" fmla="*/ 1057274 h 1057274"/>
              <a:gd name="connsiteX6" fmla="*/ 104774 w 1793874"/>
              <a:gd name="connsiteY6" fmla="*/ 1057274 h 1057274"/>
              <a:gd name="connsiteX7" fmla="*/ 8244 w 1793874"/>
              <a:gd name="connsiteY7" fmla="*/ 993287 h 1057274"/>
              <a:gd name="connsiteX8" fmla="*/ 0 w 1793874"/>
              <a:gd name="connsiteY8" fmla="*/ 952567 h 1057274"/>
              <a:gd name="connsiteX9" fmla="*/ 0 w 1793874"/>
              <a:gd name="connsiteY9" fmla="*/ 104706 h 1057274"/>
              <a:gd name="connsiteX10" fmla="*/ 8244 w 1793874"/>
              <a:gd name="connsiteY10" fmla="*/ 63987 h 1057274"/>
              <a:gd name="connsiteX11" fmla="*/ 64025 w 1793874"/>
              <a:gd name="connsiteY11" fmla="*/ 8239 h 105727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793874" h="1057274">
                <a:moveTo>
                  <a:pt x="104769" y="0"/>
                </a:moveTo>
                <a:lnTo>
                  <a:pt x="1689422" y="0"/>
                </a:lnTo>
                <a:lnTo>
                  <a:pt x="1730116" y="8239"/>
                </a:lnTo>
                <a:cubicBezTo>
                  <a:pt x="1767621" y="24154"/>
                  <a:pt x="1793874" y="61398"/>
                  <a:pt x="1793874" y="104711"/>
                </a:cubicBezTo>
                <a:cubicBezTo>
                  <a:pt x="1793874" y="104711"/>
                  <a:pt x="1793874" y="104711"/>
                  <a:pt x="1793874" y="952562"/>
                </a:cubicBezTo>
                <a:cubicBezTo>
                  <a:pt x="1793874" y="1010312"/>
                  <a:pt x="1747202" y="1057274"/>
                  <a:pt x="1689417" y="1057274"/>
                </a:cubicBezTo>
                <a:cubicBezTo>
                  <a:pt x="1689417" y="1057274"/>
                  <a:pt x="1689417" y="1057274"/>
                  <a:pt x="104774" y="1057274"/>
                </a:cubicBezTo>
                <a:cubicBezTo>
                  <a:pt x="61435" y="1057274"/>
                  <a:pt x="24169" y="1030858"/>
                  <a:pt x="8244" y="993287"/>
                </a:cubicBezTo>
                <a:lnTo>
                  <a:pt x="0" y="952567"/>
                </a:lnTo>
                <a:lnTo>
                  <a:pt x="0" y="104706"/>
                </a:lnTo>
                <a:lnTo>
                  <a:pt x="8244" y="63987"/>
                </a:lnTo>
                <a:cubicBezTo>
                  <a:pt x="18861" y="38939"/>
                  <a:pt x="38962" y="18849"/>
                  <a:pt x="64025" y="8239"/>
                </a:cubicBezTo>
                <a:close/>
              </a:path>
            </a:pathLst>
          </a:custGeom>
          <a:solidFill>
            <a:srgbClr val="FFFFFF">
              <a:alpha val="30196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468000" lvl="0" indent="-468000"/>
            <a:r>
              <a:rPr lang="en-GB" dirty="0"/>
              <a:t> </a:t>
            </a:r>
          </a:p>
        </p:txBody>
      </p:sp>
      <p:sp>
        <p:nvSpPr>
          <p:cNvPr id="122" name="Frame 18">
            <a:extLst>
              <a:ext uri="{FF2B5EF4-FFF2-40B4-BE49-F238E27FC236}">
                <a16:creationId xmlns:a16="http://schemas.microsoft.com/office/drawing/2014/main" id="{58F4B657-86E2-72A9-EC29-46E149089D4A}"/>
              </a:ext>
            </a:extLst>
          </p:cNvPr>
          <p:cNvSpPr>
            <a:spLocks noGrp="1" noSelect="1"/>
          </p:cNvSpPr>
          <p:nvPr>
            <p:ph type="body" sz="quarter" idx="74" hasCustomPrompt="1"/>
          </p:nvPr>
        </p:nvSpPr>
        <p:spPr>
          <a:xfrm>
            <a:off x="5191125" y="2470152"/>
            <a:ext cx="1792288" cy="1057274"/>
          </a:xfrm>
          <a:custGeom>
            <a:avLst/>
            <a:gdLst>
              <a:gd name="connsiteX0" fmla="*/ 104678 w 1792288"/>
              <a:gd name="connsiteY0" fmla="*/ 0 h 1057274"/>
              <a:gd name="connsiteX1" fmla="*/ 1687611 w 1792288"/>
              <a:gd name="connsiteY1" fmla="*/ 0 h 1057274"/>
              <a:gd name="connsiteX2" fmla="*/ 1728319 w 1792288"/>
              <a:gd name="connsiteY2" fmla="*/ 8239 h 1057274"/>
              <a:gd name="connsiteX3" fmla="*/ 1792288 w 1792288"/>
              <a:gd name="connsiteY3" fmla="*/ 104711 h 1057274"/>
              <a:gd name="connsiteX4" fmla="*/ 1792288 w 1792288"/>
              <a:gd name="connsiteY4" fmla="*/ 106367 h 1057274"/>
              <a:gd name="connsiteX5" fmla="*/ 1792288 w 1792288"/>
              <a:gd name="connsiteY5" fmla="*/ 117959 h 1057274"/>
              <a:gd name="connsiteX6" fmla="*/ 1792288 w 1792288"/>
              <a:gd name="connsiteY6" fmla="*/ 149422 h 1057274"/>
              <a:gd name="connsiteX7" fmla="*/ 1792288 w 1792288"/>
              <a:gd name="connsiteY7" fmla="*/ 175710 h 1057274"/>
              <a:gd name="connsiteX8" fmla="*/ 1792288 w 1792288"/>
              <a:gd name="connsiteY8" fmla="*/ 210693 h 1057274"/>
              <a:gd name="connsiteX9" fmla="*/ 1792288 w 1792288"/>
              <a:gd name="connsiteY9" fmla="*/ 255610 h 1057274"/>
              <a:gd name="connsiteX10" fmla="*/ 1792288 w 1792288"/>
              <a:gd name="connsiteY10" fmla="*/ 311706 h 1057274"/>
              <a:gd name="connsiteX11" fmla="*/ 1792288 w 1792288"/>
              <a:gd name="connsiteY11" fmla="*/ 380221 h 1057274"/>
              <a:gd name="connsiteX12" fmla="*/ 1792288 w 1792288"/>
              <a:gd name="connsiteY12" fmla="*/ 462398 h 1057274"/>
              <a:gd name="connsiteX13" fmla="*/ 1792288 w 1792288"/>
              <a:gd name="connsiteY13" fmla="*/ 559479 h 1057274"/>
              <a:gd name="connsiteX14" fmla="*/ 1792288 w 1792288"/>
              <a:gd name="connsiteY14" fmla="*/ 672705 h 1057274"/>
              <a:gd name="connsiteX15" fmla="*/ 1792288 w 1792288"/>
              <a:gd name="connsiteY15" fmla="*/ 803319 h 1057274"/>
              <a:gd name="connsiteX16" fmla="*/ 1792288 w 1792288"/>
              <a:gd name="connsiteY16" fmla="*/ 952562 h 1057274"/>
              <a:gd name="connsiteX17" fmla="*/ 1687606 w 1792288"/>
              <a:gd name="connsiteY17" fmla="*/ 1057274 h 1057274"/>
              <a:gd name="connsiteX18" fmla="*/ 104683 w 1792288"/>
              <a:gd name="connsiteY18" fmla="*/ 1057274 h 1057274"/>
              <a:gd name="connsiteX19" fmla="*/ 0 w 1792288"/>
              <a:gd name="connsiteY19" fmla="*/ 952562 h 1057274"/>
              <a:gd name="connsiteX20" fmla="*/ 0 w 1792288"/>
              <a:gd name="connsiteY20" fmla="*/ 950906 h 1057274"/>
              <a:gd name="connsiteX21" fmla="*/ 0 w 1792288"/>
              <a:gd name="connsiteY21" fmla="*/ 939314 h 1057274"/>
              <a:gd name="connsiteX22" fmla="*/ 0 w 1792288"/>
              <a:gd name="connsiteY22" fmla="*/ 907851 h 1057274"/>
              <a:gd name="connsiteX23" fmla="*/ 0 w 1792288"/>
              <a:gd name="connsiteY23" fmla="*/ 881563 h 1057274"/>
              <a:gd name="connsiteX24" fmla="*/ 0 w 1792288"/>
              <a:gd name="connsiteY24" fmla="*/ 846581 h 1057274"/>
              <a:gd name="connsiteX25" fmla="*/ 0 w 1792288"/>
              <a:gd name="connsiteY25" fmla="*/ 801663 h 1057274"/>
              <a:gd name="connsiteX26" fmla="*/ 0 w 1792288"/>
              <a:gd name="connsiteY26" fmla="*/ 745567 h 1057274"/>
              <a:gd name="connsiteX27" fmla="*/ 0 w 1792288"/>
              <a:gd name="connsiteY27" fmla="*/ 677052 h 1057274"/>
              <a:gd name="connsiteX28" fmla="*/ 0 w 1792288"/>
              <a:gd name="connsiteY28" fmla="*/ 594875 h 1057274"/>
              <a:gd name="connsiteX29" fmla="*/ 0 w 1792288"/>
              <a:gd name="connsiteY29" fmla="*/ 497794 h 1057274"/>
              <a:gd name="connsiteX30" fmla="*/ 0 w 1792288"/>
              <a:gd name="connsiteY30" fmla="*/ 384568 h 1057274"/>
              <a:gd name="connsiteX31" fmla="*/ 0 w 1792288"/>
              <a:gd name="connsiteY31" fmla="*/ 253954 h 1057274"/>
              <a:gd name="connsiteX32" fmla="*/ 0 w 1792288"/>
              <a:gd name="connsiteY32" fmla="*/ 104711 h 1057274"/>
              <a:gd name="connsiteX33" fmla="*/ 63970 w 1792288"/>
              <a:gd name="connsiteY33" fmla="*/ 8239 h 105727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</a:cxnLst>
            <a:rect l="l" t="t" r="r" b="b"/>
            <a:pathLst>
              <a:path w="1792288" h="1057274">
                <a:moveTo>
                  <a:pt x="104678" y="0"/>
                </a:moveTo>
                <a:lnTo>
                  <a:pt x="1687611" y="0"/>
                </a:lnTo>
                <a:lnTo>
                  <a:pt x="1728319" y="8239"/>
                </a:lnTo>
                <a:cubicBezTo>
                  <a:pt x="1765880" y="24154"/>
                  <a:pt x="1792288" y="61398"/>
                  <a:pt x="1792288" y="104711"/>
                </a:cubicBezTo>
                <a:lnTo>
                  <a:pt x="1792288" y="106367"/>
                </a:lnTo>
                <a:lnTo>
                  <a:pt x="1792288" y="117959"/>
                </a:lnTo>
                <a:lnTo>
                  <a:pt x="1792288" y="149422"/>
                </a:lnTo>
                <a:lnTo>
                  <a:pt x="1792288" y="175710"/>
                </a:lnTo>
                <a:lnTo>
                  <a:pt x="1792288" y="210693"/>
                </a:lnTo>
                <a:lnTo>
                  <a:pt x="1792288" y="255610"/>
                </a:lnTo>
                <a:lnTo>
                  <a:pt x="1792288" y="311706"/>
                </a:lnTo>
                <a:lnTo>
                  <a:pt x="1792288" y="380221"/>
                </a:lnTo>
                <a:lnTo>
                  <a:pt x="1792288" y="462398"/>
                </a:lnTo>
                <a:lnTo>
                  <a:pt x="1792288" y="559479"/>
                </a:lnTo>
                <a:lnTo>
                  <a:pt x="1792288" y="672705"/>
                </a:lnTo>
                <a:lnTo>
                  <a:pt x="1792288" y="803319"/>
                </a:lnTo>
                <a:lnTo>
                  <a:pt x="1792288" y="952562"/>
                </a:lnTo>
                <a:cubicBezTo>
                  <a:pt x="1792288" y="1010312"/>
                  <a:pt x="1745340" y="1057274"/>
                  <a:pt x="1687606" y="1057274"/>
                </a:cubicBezTo>
                <a:cubicBezTo>
                  <a:pt x="1687606" y="1057274"/>
                  <a:pt x="1687606" y="1057274"/>
                  <a:pt x="104683" y="1057274"/>
                </a:cubicBezTo>
                <a:cubicBezTo>
                  <a:pt x="46949" y="1057274"/>
                  <a:pt x="0" y="1010312"/>
                  <a:pt x="0" y="952562"/>
                </a:cubicBezTo>
                <a:lnTo>
                  <a:pt x="0" y="950906"/>
                </a:lnTo>
                <a:lnTo>
                  <a:pt x="0" y="939314"/>
                </a:lnTo>
                <a:lnTo>
                  <a:pt x="0" y="907851"/>
                </a:lnTo>
                <a:lnTo>
                  <a:pt x="0" y="881563"/>
                </a:lnTo>
                <a:lnTo>
                  <a:pt x="0" y="846581"/>
                </a:lnTo>
                <a:lnTo>
                  <a:pt x="0" y="801663"/>
                </a:lnTo>
                <a:lnTo>
                  <a:pt x="0" y="745567"/>
                </a:lnTo>
                <a:lnTo>
                  <a:pt x="0" y="677052"/>
                </a:lnTo>
                <a:lnTo>
                  <a:pt x="0" y="594875"/>
                </a:lnTo>
                <a:lnTo>
                  <a:pt x="0" y="497794"/>
                </a:lnTo>
                <a:lnTo>
                  <a:pt x="0" y="384568"/>
                </a:lnTo>
                <a:lnTo>
                  <a:pt x="0" y="253954"/>
                </a:lnTo>
                <a:lnTo>
                  <a:pt x="0" y="104711"/>
                </a:lnTo>
                <a:cubicBezTo>
                  <a:pt x="0" y="61398"/>
                  <a:pt x="26409" y="24154"/>
                  <a:pt x="63970" y="8239"/>
                </a:cubicBezTo>
                <a:close/>
              </a:path>
            </a:pathLst>
          </a:custGeom>
          <a:solidFill>
            <a:srgbClr val="FFFFFF">
              <a:alpha val="30196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468000" lvl="0" indent="-468000"/>
            <a:r>
              <a:rPr lang="en-GB" dirty="0"/>
              <a:t> </a:t>
            </a:r>
          </a:p>
        </p:txBody>
      </p:sp>
      <p:sp>
        <p:nvSpPr>
          <p:cNvPr id="124" name="Frame 19">
            <a:extLst>
              <a:ext uri="{FF2B5EF4-FFF2-40B4-BE49-F238E27FC236}">
                <a16:creationId xmlns:a16="http://schemas.microsoft.com/office/drawing/2014/main" id="{BBC8981A-215C-1240-3ED5-C2EDDEF97EA3}"/>
              </a:ext>
            </a:extLst>
          </p:cNvPr>
          <p:cNvSpPr>
            <a:spLocks noGrp="1" noSelect="1"/>
          </p:cNvSpPr>
          <p:nvPr>
            <p:ph type="body" sz="quarter" idx="75" hasCustomPrompt="1"/>
          </p:nvPr>
        </p:nvSpPr>
        <p:spPr>
          <a:xfrm>
            <a:off x="7094539" y="2470152"/>
            <a:ext cx="1793874" cy="1057274"/>
          </a:xfrm>
          <a:custGeom>
            <a:avLst/>
            <a:gdLst>
              <a:gd name="connsiteX0" fmla="*/ 104452 w 1793874"/>
              <a:gd name="connsiteY0" fmla="*/ 0 h 1057274"/>
              <a:gd name="connsiteX1" fmla="*/ 1689104 w 1793874"/>
              <a:gd name="connsiteY1" fmla="*/ 0 h 1057274"/>
              <a:gd name="connsiteX2" fmla="*/ 1729848 w 1793874"/>
              <a:gd name="connsiteY2" fmla="*/ 8239 h 1057274"/>
              <a:gd name="connsiteX3" fmla="*/ 1793874 w 1793874"/>
              <a:gd name="connsiteY3" fmla="*/ 104711 h 1057274"/>
              <a:gd name="connsiteX4" fmla="*/ 1793874 w 1793874"/>
              <a:gd name="connsiteY4" fmla="*/ 952562 h 1057274"/>
              <a:gd name="connsiteX5" fmla="*/ 1689099 w 1793874"/>
              <a:gd name="connsiteY5" fmla="*/ 1057274 h 1057274"/>
              <a:gd name="connsiteX6" fmla="*/ 104457 w 1793874"/>
              <a:gd name="connsiteY6" fmla="*/ 1057274 h 1057274"/>
              <a:gd name="connsiteX7" fmla="*/ 8195 w 1793874"/>
              <a:gd name="connsiteY7" fmla="*/ 993287 h 1057274"/>
              <a:gd name="connsiteX8" fmla="*/ 0 w 1793874"/>
              <a:gd name="connsiteY8" fmla="*/ 952567 h 1057274"/>
              <a:gd name="connsiteX9" fmla="*/ 0 w 1793874"/>
              <a:gd name="connsiteY9" fmla="*/ 104706 h 1057274"/>
              <a:gd name="connsiteX10" fmla="*/ 8195 w 1793874"/>
              <a:gd name="connsiteY10" fmla="*/ 63987 h 1057274"/>
              <a:gd name="connsiteX11" fmla="*/ 63757 w 1793874"/>
              <a:gd name="connsiteY11" fmla="*/ 8239 h 105727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793874" h="1057274">
                <a:moveTo>
                  <a:pt x="104452" y="0"/>
                </a:moveTo>
                <a:lnTo>
                  <a:pt x="1689104" y="0"/>
                </a:lnTo>
                <a:lnTo>
                  <a:pt x="1729848" y="8239"/>
                </a:lnTo>
                <a:cubicBezTo>
                  <a:pt x="1767442" y="24154"/>
                  <a:pt x="1793874" y="61398"/>
                  <a:pt x="1793874" y="104711"/>
                </a:cubicBezTo>
                <a:cubicBezTo>
                  <a:pt x="1793874" y="104711"/>
                  <a:pt x="1793874" y="104711"/>
                  <a:pt x="1793874" y="952562"/>
                </a:cubicBezTo>
                <a:cubicBezTo>
                  <a:pt x="1793874" y="1010312"/>
                  <a:pt x="1746884" y="1057274"/>
                  <a:pt x="1689099" y="1057274"/>
                </a:cubicBezTo>
                <a:cubicBezTo>
                  <a:pt x="1689099" y="1057274"/>
                  <a:pt x="1689099" y="1057274"/>
                  <a:pt x="104457" y="1057274"/>
                </a:cubicBezTo>
                <a:cubicBezTo>
                  <a:pt x="61118" y="1057274"/>
                  <a:pt x="24030" y="1030858"/>
                  <a:pt x="8195" y="993287"/>
                </a:cubicBezTo>
                <a:lnTo>
                  <a:pt x="0" y="952567"/>
                </a:lnTo>
                <a:lnTo>
                  <a:pt x="0" y="104706"/>
                </a:lnTo>
                <a:lnTo>
                  <a:pt x="8195" y="63987"/>
                </a:lnTo>
                <a:cubicBezTo>
                  <a:pt x="18752" y="38939"/>
                  <a:pt x="38754" y="18849"/>
                  <a:pt x="63757" y="8239"/>
                </a:cubicBezTo>
                <a:close/>
              </a:path>
            </a:pathLst>
          </a:custGeom>
          <a:solidFill>
            <a:srgbClr val="FFFFFF">
              <a:alpha val="30196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468000" lvl="0" indent="-468000"/>
            <a:r>
              <a:rPr lang="en-GB" dirty="0"/>
              <a:t> </a:t>
            </a:r>
          </a:p>
        </p:txBody>
      </p:sp>
      <p:sp>
        <p:nvSpPr>
          <p:cNvPr id="126" name="Frame 20">
            <a:extLst>
              <a:ext uri="{FF2B5EF4-FFF2-40B4-BE49-F238E27FC236}">
                <a16:creationId xmlns:a16="http://schemas.microsoft.com/office/drawing/2014/main" id="{EBDD13C4-0B89-992B-B534-371BE1CF111E}"/>
              </a:ext>
            </a:extLst>
          </p:cNvPr>
          <p:cNvSpPr>
            <a:spLocks noGrp="1" noSelect="1"/>
          </p:cNvSpPr>
          <p:nvPr>
            <p:ph type="body" sz="quarter" idx="76" hasCustomPrompt="1"/>
          </p:nvPr>
        </p:nvSpPr>
        <p:spPr>
          <a:xfrm>
            <a:off x="9002714" y="2470152"/>
            <a:ext cx="1793874" cy="1057274"/>
          </a:xfrm>
          <a:custGeom>
            <a:avLst/>
            <a:gdLst>
              <a:gd name="connsiteX0" fmla="*/ 104451 w 1793874"/>
              <a:gd name="connsiteY0" fmla="*/ 0 h 1057274"/>
              <a:gd name="connsiteX1" fmla="*/ 1689104 w 1793874"/>
              <a:gd name="connsiteY1" fmla="*/ 0 h 1057274"/>
              <a:gd name="connsiteX2" fmla="*/ 1729848 w 1793874"/>
              <a:gd name="connsiteY2" fmla="*/ 8239 h 1057274"/>
              <a:gd name="connsiteX3" fmla="*/ 1793874 w 1793874"/>
              <a:gd name="connsiteY3" fmla="*/ 104711 h 1057274"/>
              <a:gd name="connsiteX4" fmla="*/ 1793874 w 1793874"/>
              <a:gd name="connsiteY4" fmla="*/ 952562 h 1057274"/>
              <a:gd name="connsiteX5" fmla="*/ 1689099 w 1793874"/>
              <a:gd name="connsiteY5" fmla="*/ 1057274 h 1057274"/>
              <a:gd name="connsiteX6" fmla="*/ 104456 w 1793874"/>
              <a:gd name="connsiteY6" fmla="*/ 1057274 h 1057274"/>
              <a:gd name="connsiteX7" fmla="*/ 8195 w 1793874"/>
              <a:gd name="connsiteY7" fmla="*/ 993287 h 1057274"/>
              <a:gd name="connsiteX8" fmla="*/ 0 w 1793874"/>
              <a:gd name="connsiteY8" fmla="*/ 952567 h 1057274"/>
              <a:gd name="connsiteX9" fmla="*/ 0 w 1793874"/>
              <a:gd name="connsiteY9" fmla="*/ 104706 h 1057274"/>
              <a:gd name="connsiteX10" fmla="*/ 8195 w 1793874"/>
              <a:gd name="connsiteY10" fmla="*/ 63987 h 1057274"/>
              <a:gd name="connsiteX11" fmla="*/ 63757 w 1793874"/>
              <a:gd name="connsiteY11" fmla="*/ 8239 h 105727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793874" h="1057274">
                <a:moveTo>
                  <a:pt x="104451" y="0"/>
                </a:moveTo>
                <a:lnTo>
                  <a:pt x="1689104" y="0"/>
                </a:lnTo>
                <a:lnTo>
                  <a:pt x="1729848" y="8239"/>
                </a:lnTo>
                <a:cubicBezTo>
                  <a:pt x="1767442" y="24154"/>
                  <a:pt x="1793874" y="61398"/>
                  <a:pt x="1793874" y="104711"/>
                </a:cubicBezTo>
                <a:cubicBezTo>
                  <a:pt x="1793874" y="104711"/>
                  <a:pt x="1793874" y="104711"/>
                  <a:pt x="1793874" y="952562"/>
                </a:cubicBezTo>
                <a:cubicBezTo>
                  <a:pt x="1793874" y="1010312"/>
                  <a:pt x="1746884" y="1057274"/>
                  <a:pt x="1689099" y="1057274"/>
                </a:cubicBezTo>
                <a:cubicBezTo>
                  <a:pt x="1689099" y="1057274"/>
                  <a:pt x="1689099" y="1057274"/>
                  <a:pt x="104456" y="1057274"/>
                </a:cubicBezTo>
                <a:cubicBezTo>
                  <a:pt x="61118" y="1057274"/>
                  <a:pt x="24030" y="1030858"/>
                  <a:pt x="8195" y="993287"/>
                </a:cubicBezTo>
                <a:lnTo>
                  <a:pt x="0" y="952567"/>
                </a:lnTo>
                <a:lnTo>
                  <a:pt x="0" y="104706"/>
                </a:lnTo>
                <a:lnTo>
                  <a:pt x="8195" y="63987"/>
                </a:lnTo>
                <a:cubicBezTo>
                  <a:pt x="18751" y="38939"/>
                  <a:pt x="38754" y="18849"/>
                  <a:pt x="63757" y="8239"/>
                </a:cubicBezTo>
                <a:close/>
              </a:path>
            </a:pathLst>
          </a:custGeom>
          <a:solidFill>
            <a:srgbClr val="FFFFFF">
              <a:alpha val="30196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468000" lvl="0" indent="-468000"/>
            <a:r>
              <a:rPr lang="en-GB" dirty="0"/>
              <a:t> </a:t>
            </a:r>
          </a:p>
        </p:txBody>
      </p:sp>
      <p:sp>
        <p:nvSpPr>
          <p:cNvPr id="2" name="Frame text 21 [PHJU] (JU-Free)">
            <a:extLst>
              <a:ext uri="{FF2B5EF4-FFF2-40B4-BE49-F238E27FC236}">
                <a16:creationId xmlns:a16="http://schemas.microsoft.com/office/drawing/2014/main" id="{D7DA0C09-93BA-7C9B-ECD8-860E7563C394}"/>
              </a:ext>
            </a:extLst>
          </p:cNvPr>
          <p:cNvSpPr>
            <a:spLocks noGrp="1"/>
          </p:cNvSpPr>
          <p:nvPr userDrawn="1">
            <p:ph type="body" sz="quarter" idx="17" hasCustomPrompt="1"/>
          </p:nvPr>
        </p:nvSpPr>
        <p:spPr bwMode="gray">
          <a:xfrm>
            <a:off x="1495545" y="1800160"/>
            <a:ext cx="1565707" cy="225563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200">
                <a:solidFill>
                  <a:srgbClr val="0800FE"/>
                </a:solidFill>
                <a:latin typeface="Maison Neue Bold" panose="020B0804040000000000" pitchFamily="34" charset="0"/>
              </a:defRPr>
            </a:lvl1pPr>
            <a:lvl2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2pPr>
            <a:lvl3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3pPr>
            <a:lvl4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4pPr>
            <a:lvl5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5pPr>
            <a:lvl6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6pPr>
            <a:lvl7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7pPr>
            <a:lvl8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8pPr>
            <a:lvl9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5" name="Title 22">
            <a:extLst>
              <a:ext uri="{FF2B5EF4-FFF2-40B4-BE49-F238E27FC236}">
                <a16:creationId xmlns:a16="http://schemas.microsoft.com/office/drawing/2014/main" id="{92696FD8-028E-E2C2-AED9-A263FD1627E8}"/>
              </a:ext>
            </a:extLst>
          </p:cNvPr>
          <p:cNvSpPr>
            <a:spLocks noGrp="1" noSelect="1"/>
          </p:cNvSpPr>
          <p:nvPr userDrawn="1">
            <p:ph type="title" hasCustomPrompt="1"/>
          </p:nvPr>
        </p:nvSpPr>
        <p:spPr bwMode="gray">
          <a:xfrm>
            <a:off x="1371598" y="536712"/>
            <a:ext cx="9482141" cy="445952"/>
          </a:xfrm>
        </p:spPr>
        <p:txBody>
          <a:bodyPr/>
          <a:lstStyle>
            <a:lvl1pPr>
              <a:defRPr>
                <a:solidFill>
                  <a:srgbClr val="0800FE"/>
                </a:solidFill>
              </a:defRPr>
            </a:lvl1pPr>
          </a:lstStyle>
          <a:p>
            <a:r>
              <a:rPr lang="en-GB"/>
              <a:t>[Title]</a:t>
            </a:r>
            <a:endParaRPr lang="en-GB" dirty="0"/>
          </a:p>
        </p:txBody>
      </p:sp>
      <p:sp>
        <p:nvSpPr>
          <p:cNvPr id="6" name="Frame text 23 [PHJU] (JU-Free)">
            <a:extLst>
              <a:ext uri="{FF2B5EF4-FFF2-40B4-BE49-F238E27FC236}">
                <a16:creationId xmlns:a16="http://schemas.microsoft.com/office/drawing/2014/main" id="{4B14C026-94D3-5BAE-C53D-275D019DBEB9}"/>
              </a:ext>
            </a:extLst>
          </p:cNvPr>
          <p:cNvSpPr>
            <a:spLocks noGrp="1"/>
          </p:cNvSpPr>
          <p:nvPr userDrawn="1">
            <p:ph type="body" sz="quarter" idx="18" hasCustomPrompt="1"/>
          </p:nvPr>
        </p:nvSpPr>
        <p:spPr bwMode="gray">
          <a:xfrm>
            <a:off x="1495206" y="2886800"/>
            <a:ext cx="1565707" cy="225563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200">
                <a:solidFill>
                  <a:srgbClr val="000000"/>
                </a:solidFill>
                <a:latin typeface="Maison Neue Bold" panose="020B0804040000000000" pitchFamily="34" charset="0"/>
              </a:defRPr>
            </a:lvl1pPr>
            <a:lvl2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2pPr>
            <a:lvl3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3pPr>
            <a:lvl4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4pPr>
            <a:lvl5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5pPr>
            <a:lvl6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6pPr>
            <a:lvl7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7pPr>
            <a:lvl8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8pPr>
            <a:lvl9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7" name="Frame text 24 [PHJU] (JU-Free)">
            <a:extLst>
              <a:ext uri="{FF2B5EF4-FFF2-40B4-BE49-F238E27FC236}">
                <a16:creationId xmlns:a16="http://schemas.microsoft.com/office/drawing/2014/main" id="{ECAE3F77-9A89-7891-AFD0-F79D90A6B210}"/>
              </a:ext>
            </a:extLst>
          </p:cNvPr>
          <p:cNvSpPr>
            <a:spLocks noGrp="1"/>
          </p:cNvSpPr>
          <p:nvPr userDrawn="1">
            <p:ph type="body" sz="quarter" idx="19" hasCustomPrompt="1"/>
          </p:nvPr>
        </p:nvSpPr>
        <p:spPr bwMode="gray">
          <a:xfrm>
            <a:off x="1495207" y="3936138"/>
            <a:ext cx="1565707" cy="225563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200">
                <a:solidFill>
                  <a:srgbClr val="000000"/>
                </a:solidFill>
                <a:latin typeface="Maison Neue Bold" panose="020B0804040000000000" pitchFamily="34" charset="0"/>
              </a:defRPr>
            </a:lvl1pPr>
            <a:lvl2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2pPr>
            <a:lvl3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3pPr>
            <a:lvl4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4pPr>
            <a:lvl5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5pPr>
            <a:lvl6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6pPr>
            <a:lvl7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7pPr>
            <a:lvl8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8pPr>
            <a:lvl9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8" name="Frame text 25 [PHJU] (JU-Free)">
            <a:extLst>
              <a:ext uri="{FF2B5EF4-FFF2-40B4-BE49-F238E27FC236}">
                <a16:creationId xmlns:a16="http://schemas.microsoft.com/office/drawing/2014/main" id="{B7D6E3C3-B359-56E6-B626-D2867D9EB833}"/>
              </a:ext>
            </a:extLst>
          </p:cNvPr>
          <p:cNvSpPr>
            <a:spLocks noGrp="1"/>
          </p:cNvSpPr>
          <p:nvPr userDrawn="1">
            <p:ph type="body" sz="quarter" idx="20" hasCustomPrompt="1"/>
          </p:nvPr>
        </p:nvSpPr>
        <p:spPr bwMode="gray">
          <a:xfrm>
            <a:off x="1495206" y="4987063"/>
            <a:ext cx="1565707" cy="225563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200">
                <a:solidFill>
                  <a:srgbClr val="000000"/>
                </a:solidFill>
                <a:latin typeface="Maison Neue Bold" panose="020B0804040000000000" pitchFamily="34" charset="0"/>
              </a:defRPr>
            </a:lvl1pPr>
            <a:lvl2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2pPr>
            <a:lvl3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3pPr>
            <a:lvl4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4pPr>
            <a:lvl5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5pPr>
            <a:lvl6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6pPr>
            <a:lvl7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7pPr>
            <a:lvl8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8pPr>
            <a:lvl9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9" name="Frame text 26 [PHJU] (JU-Free)">
            <a:extLst>
              <a:ext uri="{FF2B5EF4-FFF2-40B4-BE49-F238E27FC236}">
                <a16:creationId xmlns:a16="http://schemas.microsoft.com/office/drawing/2014/main" id="{CECE1B8C-1833-6E1D-930A-77FCD6F8490F}"/>
              </a:ext>
            </a:extLst>
          </p:cNvPr>
          <p:cNvSpPr>
            <a:spLocks noGrp="1"/>
          </p:cNvSpPr>
          <p:nvPr userDrawn="1">
            <p:ph type="body" sz="quarter" idx="21" hasCustomPrompt="1"/>
          </p:nvPr>
        </p:nvSpPr>
        <p:spPr bwMode="gray">
          <a:xfrm>
            <a:off x="3400208" y="2886800"/>
            <a:ext cx="1565707" cy="225563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200">
                <a:solidFill>
                  <a:srgbClr val="000000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  <a:lvl2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2pPr>
            <a:lvl3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3pPr>
            <a:lvl4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4pPr>
            <a:lvl5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5pPr>
            <a:lvl6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6pPr>
            <a:lvl7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7pPr>
            <a:lvl8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8pPr>
            <a:lvl9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0" name="Frame text 27 [PHJU] (JU-Free)">
            <a:extLst>
              <a:ext uri="{FF2B5EF4-FFF2-40B4-BE49-F238E27FC236}">
                <a16:creationId xmlns:a16="http://schemas.microsoft.com/office/drawing/2014/main" id="{B7440EC9-66A8-4183-ED04-68A27FDB0D79}"/>
              </a:ext>
            </a:extLst>
          </p:cNvPr>
          <p:cNvSpPr>
            <a:spLocks noGrp="1"/>
          </p:cNvSpPr>
          <p:nvPr userDrawn="1">
            <p:ph type="body" sz="quarter" idx="22" hasCustomPrompt="1"/>
          </p:nvPr>
        </p:nvSpPr>
        <p:spPr bwMode="gray">
          <a:xfrm>
            <a:off x="3400207" y="3936137"/>
            <a:ext cx="1565707" cy="225563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200">
                <a:solidFill>
                  <a:srgbClr val="000000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  <a:lvl2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2pPr>
            <a:lvl3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3pPr>
            <a:lvl4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4pPr>
            <a:lvl5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5pPr>
            <a:lvl6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6pPr>
            <a:lvl7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7pPr>
            <a:lvl8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8pPr>
            <a:lvl9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1" name="Frame text 28 [PHJU] (JU-Free)">
            <a:extLst>
              <a:ext uri="{FF2B5EF4-FFF2-40B4-BE49-F238E27FC236}">
                <a16:creationId xmlns:a16="http://schemas.microsoft.com/office/drawing/2014/main" id="{59C8AE3D-6A26-23AF-70DF-28068DAFA637}"/>
              </a:ext>
            </a:extLst>
          </p:cNvPr>
          <p:cNvSpPr>
            <a:spLocks noGrp="1"/>
          </p:cNvSpPr>
          <p:nvPr userDrawn="1">
            <p:ph type="body" sz="quarter" idx="23" hasCustomPrompt="1"/>
          </p:nvPr>
        </p:nvSpPr>
        <p:spPr bwMode="gray">
          <a:xfrm>
            <a:off x="3400207" y="4987062"/>
            <a:ext cx="1565707" cy="225563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200">
                <a:solidFill>
                  <a:srgbClr val="000000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  <a:lvl2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2pPr>
            <a:lvl3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3pPr>
            <a:lvl4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4pPr>
            <a:lvl5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5pPr>
            <a:lvl6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6pPr>
            <a:lvl7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7pPr>
            <a:lvl8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8pPr>
            <a:lvl9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2" name="Frame text 29 [PHJU] (JU-Free)">
            <a:extLst>
              <a:ext uri="{FF2B5EF4-FFF2-40B4-BE49-F238E27FC236}">
                <a16:creationId xmlns:a16="http://schemas.microsoft.com/office/drawing/2014/main" id="{7B6662A8-2399-D297-2B7E-A003C3861CEC}"/>
              </a:ext>
            </a:extLst>
          </p:cNvPr>
          <p:cNvSpPr>
            <a:spLocks noGrp="1"/>
          </p:cNvSpPr>
          <p:nvPr userDrawn="1">
            <p:ph type="body" sz="quarter" idx="24" hasCustomPrompt="1"/>
          </p:nvPr>
        </p:nvSpPr>
        <p:spPr bwMode="gray">
          <a:xfrm>
            <a:off x="5313146" y="2891252"/>
            <a:ext cx="1565707" cy="225563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200">
                <a:solidFill>
                  <a:srgbClr val="000000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  <a:lvl2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2pPr>
            <a:lvl3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3pPr>
            <a:lvl4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4pPr>
            <a:lvl5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5pPr>
            <a:lvl6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6pPr>
            <a:lvl7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7pPr>
            <a:lvl8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8pPr>
            <a:lvl9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3" name="Frame text 30 [PHJU] (JU-Free)">
            <a:extLst>
              <a:ext uri="{FF2B5EF4-FFF2-40B4-BE49-F238E27FC236}">
                <a16:creationId xmlns:a16="http://schemas.microsoft.com/office/drawing/2014/main" id="{1C23FA77-28E3-A1A0-A44C-751CE8223A1D}"/>
              </a:ext>
            </a:extLst>
          </p:cNvPr>
          <p:cNvSpPr>
            <a:spLocks noGrp="1"/>
          </p:cNvSpPr>
          <p:nvPr userDrawn="1">
            <p:ph type="body" sz="quarter" idx="25" hasCustomPrompt="1"/>
          </p:nvPr>
        </p:nvSpPr>
        <p:spPr bwMode="gray">
          <a:xfrm>
            <a:off x="5313145" y="3940589"/>
            <a:ext cx="1565707" cy="225563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200">
                <a:solidFill>
                  <a:srgbClr val="000000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  <a:lvl2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2pPr>
            <a:lvl3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3pPr>
            <a:lvl4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4pPr>
            <a:lvl5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5pPr>
            <a:lvl6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6pPr>
            <a:lvl7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7pPr>
            <a:lvl8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8pPr>
            <a:lvl9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4" name="Frame text 31 [PHJU] (JU-Free)">
            <a:extLst>
              <a:ext uri="{FF2B5EF4-FFF2-40B4-BE49-F238E27FC236}">
                <a16:creationId xmlns:a16="http://schemas.microsoft.com/office/drawing/2014/main" id="{74043F84-66B5-75AA-BC3C-93DB38222E73}"/>
              </a:ext>
            </a:extLst>
          </p:cNvPr>
          <p:cNvSpPr>
            <a:spLocks noGrp="1"/>
          </p:cNvSpPr>
          <p:nvPr userDrawn="1">
            <p:ph type="body" sz="quarter" idx="26" hasCustomPrompt="1"/>
          </p:nvPr>
        </p:nvSpPr>
        <p:spPr bwMode="gray">
          <a:xfrm>
            <a:off x="5313145" y="4991514"/>
            <a:ext cx="1565707" cy="225563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200">
                <a:solidFill>
                  <a:srgbClr val="000000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  <a:lvl2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2pPr>
            <a:lvl3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3pPr>
            <a:lvl4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4pPr>
            <a:lvl5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5pPr>
            <a:lvl6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6pPr>
            <a:lvl7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7pPr>
            <a:lvl8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8pPr>
            <a:lvl9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5" name="Frame text 32 [PHJU] (JU-Free)">
            <a:extLst>
              <a:ext uri="{FF2B5EF4-FFF2-40B4-BE49-F238E27FC236}">
                <a16:creationId xmlns:a16="http://schemas.microsoft.com/office/drawing/2014/main" id="{949AC365-DBD4-CB81-992E-7D9473E54099}"/>
              </a:ext>
            </a:extLst>
          </p:cNvPr>
          <p:cNvSpPr>
            <a:spLocks noGrp="1"/>
          </p:cNvSpPr>
          <p:nvPr userDrawn="1">
            <p:ph type="body" sz="quarter" idx="27" hasCustomPrompt="1"/>
          </p:nvPr>
        </p:nvSpPr>
        <p:spPr bwMode="gray">
          <a:xfrm>
            <a:off x="7218188" y="2886800"/>
            <a:ext cx="1565707" cy="225563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200">
                <a:solidFill>
                  <a:srgbClr val="000000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  <a:lvl2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2pPr>
            <a:lvl3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3pPr>
            <a:lvl4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4pPr>
            <a:lvl5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5pPr>
            <a:lvl6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6pPr>
            <a:lvl7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7pPr>
            <a:lvl8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8pPr>
            <a:lvl9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6" name="Frame text 33 [PHJU] (JU-Free)">
            <a:extLst>
              <a:ext uri="{FF2B5EF4-FFF2-40B4-BE49-F238E27FC236}">
                <a16:creationId xmlns:a16="http://schemas.microsoft.com/office/drawing/2014/main" id="{54B0CB33-C92F-6988-5C83-2013D63416EB}"/>
              </a:ext>
            </a:extLst>
          </p:cNvPr>
          <p:cNvSpPr>
            <a:spLocks noGrp="1"/>
          </p:cNvSpPr>
          <p:nvPr userDrawn="1">
            <p:ph type="body" sz="quarter" idx="28" hasCustomPrompt="1"/>
          </p:nvPr>
        </p:nvSpPr>
        <p:spPr bwMode="gray">
          <a:xfrm>
            <a:off x="7218187" y="3936137"/>
            <a:ext cx="1565707" cy="225563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200">
                <a:solidFill>
                  <a:srgbClr val="000000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  <a:lvl2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2pPr>
            <a:lvl3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3pPr>
            <a:lvl4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4pPr>
            <a:lvl5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5pPr>
            <a:lvl6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6pPr>
            <a:lvl7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7pPr>
            <a:lvl8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8pPr>
            <a:lvl9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7" name="Frame text 34 [PHJU] (JU-Free)">
            <a:extLst>
              <a:ext uri="{FF2B5EF4-FFF2-40B4-BE49-F238E27FC236}">
                <a16:creationId xmlns:a16="http://schemas.microsoft.com/office/drawing/2014/main" id="{4ED8C40E-4EF5-8471-3271-365D635CEDEF}"/>
              </a:ext>
            </a:extLst>
          </p:cNvPr>
          <p:cNvSpPr>
            <a:spLocks noGrp="1"/>
          </p:cNvSpPr>
          <p:nvPr userDrawn="1">
            <p:ph type="body" sz="quarter" idx="29" hasCustomPrompt="1"/>
          </p:nvPr>
        </p:nvSpPr>
        <p:spPr bwMode="gray">
          <a:xfrm>
            <a:off x="7218187" y="4987062"/>
            <a:ext cx="1565707" cy="225563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200">
                <a:solidFill>
                  <a:srgbClr val="000000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  <a:lvl2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2pPr>
            <a:lvl3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3pPr>
            <a:lvl4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4pPr>
            <a:lvl5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5pPr>
            <a:lvl6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6pPr>
            <a:lvl7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7pPr>
            <a:lvl8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8pPr>
            <a:lvl9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8" name="Frame text 35 [PHJU] (JU-Free)">
            <a:extLst>
              <a:ext uri="{FF2B5EF4-FFF2-40B4-BE49-F238E27FC236}">
                <a16:creationId xmlns:a16="http://schemas.microsoft.com/office/drawing/2014/main" id="{A003D65F-8FAE-352D-4B8E-5FC52FD80C0C}"/>
              </a:ext>
            </a:extLst>
          </p:cNvPr>
          <p:cNvSpPr>
            <a:spLocks noGrp="1"/>
          </p:cNvSpPr>
          <p:nvPr userDrawn="1">
            <p:ph type="body" sz="quarter" idx="30" hasCustomPrompt="1"/>
          </p:nvPr>
        </p:nvSpPr>
        <p:spPr bwMode="gray">
          <a:xfrm>
            <a:off x="9131086" y="2886800"/>
            <a:ext cx="1565707" cy="225563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200">
                <a:solidFill>
                  <a:srgbClr val="000000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  <a:lvl2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2pPr>
            <a:lvl3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3pPr>
            <a:lvl4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4pPr>
            <a:lvl5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5pPr>
            <a:lvl6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6pPr>
            <a:lvl7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7pPr>
            <a:lvl8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8pPr>
            <a:lvl9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9" name="Placeholder 36 [PHJU] (JU-Free)">
            <a:extLst>
              <a:ext uri="{FF2B5EF4-FFF2-40B4-BE49-F238E27FC236}">
                <a16:creationId xmlns:a16="http://schemas.microsoft.com/office/drawing/2014/main" id="{643B7F86-8F12-A77A-2E5F-13BAB508A9B3}"/>
              </a:ext>
            </a:extLst>
          </p:cNvPr>
          <p:cNvSpPr>
            <a:spLocks noGrp="1"/>
          </p:cNvSpPr>
          <p:nvPr userDrawn="1">
            <p:ph type="body" sz="quarter" idx="31" hasCustomPrompt="1"/>
          </p:nvPr>
        </p:nvSpPr>
        <p:spPr bwMode="gray">
          <a:xfrm>
            <a:off x="9131085" y="3936137"/>
            <a:ext cx="1565707" cy="225563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200">
                <a:solidFill>
                  <a:srgbClr val="000000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  <a:lvl2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2pPr>
            <a:lvl3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3pPr>
            <a:lvl4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4pPr>
            <a:lvl5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5pPr>
            <a:lvl6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6pPr>
            <a:lvl7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7pPr>
            <a:lvl8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8pPr>
            <a:lvl9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 dirty="0"/>
              <a:t>[Text]</a:t>
            </a:r>
          </a:p>
          <a:p>
            <a:pPr lvl="0"/>
            <a:r>
              <a:rPr lang="en-GB" dirty="0"/>
              <a:t>JU-LEVEL1=Standard</a:t>
            </a:r>
          </a:p>
        </p:txBody>
      </p:sp>
      <p:sp>
        <p:nvSpPr>
          <p:cNvPr id="20" name="Frame text 37 [PHJU] (JU-Free)">
            <a:extLst>
              <a:ext uri="{FF2B5EF4-FFF2-40B4-BE49-F238E27FC236}">
                <a16:creationId xmlns:a16="http://schemas.microsoft.com/office/drawing/2014/main" id="{7DAF5929-8723-C6EB-5B78-7B767B8224CC}"/>
              </a:ext>
            </a:extLst>
          </p:cNvPr>
          <p:cNvSpPr>
            <a:spLocks noGrp="1"/>
          </p:cNvSpPr>
          <p:nvPr userDrawn="1">
            <p:ph type="body" sz="quarter" idx="32" hasCustomPrompt="1"/>
          </p:nvPr>
        </p:nvSpPr>
        <p:spPr bwMode="gray">
          <a:xfrm>
            <a:off x="9131085" y="4987062"/>
            <a:ext cx="1565707" cy="225563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200">
                <a:solidFill>
                  <a:srgbClr val="000000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  <a:lvl2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2pPr>
            <a:lvl3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3pPr>
            <a:lvl4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4pPr>
            <a:lvl5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5pPr>
            <a:lvl6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6pPr>
            <a:lvl7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7pPr>
            <a:lvl8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8pPr>
            <a:lvl9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21" name="Frame text 38 [PHJU] (JU-Free)">
            <a:extLst>
              <a:ext uri="{FF2B5EF4-FFF2-40B4-BE49-F238E27FC236}">
                <a16:creationId xmlns:a16="http://schemas.microsoft.com/office/drawing/2014/main" id="{02F0903D-156E-6138-862D-6006D2F95111}"/>
              </a:ext>
            </a:extLst>
          </p:cNvPr>
          <p:cNvSpPr>
            <a:spLocks noGrp="1"/>
          </p:cNvSpPr>
          <p:nvPr userDrawn="1">
            <p:ph type="body" sz="quarter" idx="33" hasCustomPrompt="1"/>
          </p:nvPr>
        </p:nvSpPr>
        <p:spPr bwMode="gray">
          <a:xfrm>
            <a:off x="3400206" y="1800159"/>
            <a:ext cx="1565707" cy="225563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200">
                <a:solidFill>
                  <a:srgbClr val="0800FE"/>
                </a:solidFill>
                <a:latin typeface="Maison Neue Bold" panose="020B0804040000000000" pitchFamily="34" charset="0"/>
              </a:defRPr>
            </a:lvl1pPr>
            <a:lvl2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2pPr>
            <a:lvl3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3pPr>
            <a:lvl4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4pPr>
            <a:lvl5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5pPr>
            <a:lvl6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6pPr>
            <a:lvl7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7pPr>
            <a:lvl8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8pPr>
            <a:lvl9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22" name="Frame text 39 [PHJU] (JU-Free)">
            <a:extLst>
              <a:ext uri="{FF2B5EF4-FFF2-40B4-BE49-F238E27FC236}">
                <a16:creationId xmlns:a16="http://schemas.microsoft.com/office/drawing/2014/main" id="{C7A06A57-95BB-311C-1832-7A0E9EA3D3B8}"/>
              </a:ext>
            </a:extLst>
          </p:cNvPr>
          <p:cNvSpPr>
            <a:spLocks noGrp="1"/>
          </p:cNvSpPr>
          <p:nvPr userDrawn="1">
            <p:ph type="body" sz="quarter" idx="34" hasCustomPrompt="1"/>
          </p:nvPr>
        </p:nvSpPr>
        <p:spPr bwMode="gray">
          <a:xfrm>
            <a:off x="5304415" y="1800159"/>
            <a:ext cx="1565707" cy="225563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200">
                <a:solidFill>
                  <a:srgbClr val="0800FE"/>
                </a:solidFill>
                <a:latin typeface="Maison Neue Bold" panose="020B0804040000000000" pitchFamily="34" charset="0"/>
              </a:defRPr>
            </a:lvl1pPr>
            <a:lvl2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2pPr>
            <a:lvl3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3pPr>
            <a:lvl4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4pPr>
            <a:lvl5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5pPr>
            <a:lvl6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6pPr>
            <a:lvl7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7pPr>
            <a:lvl8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8pPr>
            <a:lvl9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23" name="Frame text 40 [PHJU] (JU-Free)">
            <a:extLst>
              <a:ext uri="{FF2B5EF4-FFF2-40B4-BE49-F238E27FC236}">
                <a16:creationId xmlns:a16="http://schemas.microsoft.com/office/drawing/2014/main" id="{75F9B355-D519-4C69-6FC9-5D889FBD6754}"/>
              </a:ext>
            </a:extLst>
          </p:cNvPr>
          <p:cNvSpPr>
            <a:spLocks noGrp="1"/>
          </p:cNvSpPr>
          <p:nvPr userDrawn="1">
            <p:ph type="body" sz="quarter" idx="35" hasCustomPrompt="1"/>
          </p:nvPr>
        </p:nvSpPr>
        <p:spPr bwMode="gray">
          <a:xfrm>
            <a:off x="7218187" y="1800158"/>
            <a:ext cx="1565707" cy="225563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200">
                <a:solidFill>
                  <a:srgbClr val="0800FE"/>
                </a:solidFill>
                <a:latin typeface="Maison Neue Bold" panose="020B0804040000000000" pitchFamily="34" charset="0"/>
              </a:defRPr>
            </a:lvl1pPr>
            <a:lvl2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2pPr>
            <a:lvl3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3pPr>
            <a:lvl4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4pPr>
            <a:lvl5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5pPr>
            <a:lvl6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6pPr>
            <a:lvl7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7pPr>
            <a:lvl8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8pPr>
            <a:lvl9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24" name="Frame text 41 [PHJU] (JU-Free)">
            <a:extLst>
              <a:ext uri="{FF2B5EF4-FFF2-40B4-BE49-F238E27FC236}">
                <a16:creationId xmlns:a16="http://schemas.microsoft.com/office/drawing/2014/main" id="{D1A9924A-A60E-F91F-7B17-D6041EF5FF20}"/>
              </a:ext>
            </a:extLst>
          </p:cNvPr>
          <p:cNvSpPr>
            <a:spLocks noGrp="1"/>
          </p:cNvSpPr>
          <p:nvPr userDrawn="1">
            <p:ph type="body" sz="quarter" idx="36" hasCustomPrompt="1"/>
          </p:nvPr>
        </p:nvSpPr>
        <p:spPr bwMode="gray">
          <a:xfrm>
            <a:off x="9116796" y="1800157"/>
            <a:ext cx="1565707" cy="225563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200">
                <a:solidFill>
                  <a:srgbClr val="0800FE"/>
                </a:solidFill>
                <a:latin typeface="Maison Neue Bold" panose="020B0804040000000000" pitchFamily="34" charset="0"/>
              </a:defRPr>
            </a:lvl1pPr>
            <a:lvl2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2pPr>
            <a:lvl3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3pPr>
            <a:lvl4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4pPr>
            <a:lvl5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5pPr>
            <a:lvl6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6pPr>
            <a:lvl7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7pPr>
            <a:lvl8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8pPr>
            <a:lvl9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chemeClr val="accent1">
                    <a:lumMod val="100000"/>
                  </a:scheme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357847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[Title slide]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 [PHJU]"/>
          <p:cNvSpPr>
            <a:spLocks noGrp="1" noSelect="1"/>
          </p:cNvSpPr>
          <p:nvPr>
            <p:ph type="ctrTitle" hasCustomPrompt="1"/>
          </p:nvPr>
        </p:nvSpPr>
        <p:spPr>
          <a:xfrm>
            <a:off x="1276901" y="762340"/>
            <a:ext cx="7986369" cy="2502663"/>
          </a:xfrm>
        </p:spPr>
        <p:txBody>
          <a:bodyPr anchor="t"/>
          <a:lstStyle>
            <a:lvl1pPr algn="l">
              <a:lnSpc>
                <a:spcPct val="83000"/>
              </a:lnSpc>
              <a:defRPr sz="6500">
                <a:solidFill>
                  <a:srgbClr val="000000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</a:lstStyle>
          <a:p>
            <a:r>
              <a:rPr lang="en-GB" dirty="0"/>
              <a:t>[</a:t>
            </a:r>
            <a:r>
              <a:rPr lang="en-GB" noProof="0" dirty="0"/>
              <a:t>Title</a:t>
            </a:r>
            <a:r>
              <a:rPr lang="en-GB" dirty="0"/>
              <a:t>]</a:t>
            </a:r>
          </a:p>
        </p:txBody>
      </p:sp>
      <p:sp>
        <p:nvSpPr>
          <p:cNvPr id="5" name="Frame 2">
            <a:extLst>
              <a:ext uri="{FF2B5EF4-FFF2-40B4-BE49-F238E27FC236}">
                <a16:creationId xmlns:a16="http://schemas.microsoft.com/office/drawing/2014/main" id="{B55F0A8F-D6BF-F56B-DB12-139ED784DF83}"/>
              </a:ext>
            </a:extLst>
          </p:cNvPr>
          <p:cNvSpPr>
            <a:spLocks noSelect="1"/>
          </p:cNvSpPr>
          <p:nvPr userDrawn="1"/>
        </p:nvSpPr>
        <p:spPr bwMode="gray">
          <a:xfrm>
            <a:off x="1301751" y="5654675"/>
            <a:ext cx="1166813" cy="565150"/>
          </a:xfrm>
          <a:custGeom>
            <a:avLst/>
            <a:gdLst>
              <a:gd name="T0" fmla="*/ 740 w 3676"/>
              <a:gd name="T1" fmla="*/ 0 h 1781"/>
              <a:gd name="T2" fmla="*/ 858 w 3676"/>
              <a:gd name="T3" fmla="*/ 155 h 1781"/>
              <a:gd name="T4" fmla="*/ 835 w 3676"/>
              <a:gd name="T5" fmla="*/ 188 h 1781"/>
              <a:gd name="T6" fmla="*/ 934 w 3676"/>
              <a:gd name="T7" fmla="*/ 181 h 1781"/>
              <a:gd name="T8" fmla="*/ 1610 w 3676"/>
              <a:gd name="T9" fmla="*/ 827 h 1781"/>
              <a:gd name="T10" fmla="*/ 1803 w 3676"/>
              <a:gd name="T11" fmla="*/ 328 h 1781"/>
              <a:gd name="T12" fmla="*/ 1803 w 3676"/>
              <a:gd name="T13" fmla="*/ 181 h 1781"/>
              <a:gd name="T14" fmla="*/ 1779 w 3676"/>
              <a:gd name="T15" fmla="*/ 181 h 1781"/>
              <a:gd name="T16" fmla="*/ 1672 w 3676"/>
              <a:gd name="T17" fmla="*/ 194 h 1781"/>
              <a:gd name="T18" fmla="*/ 1727 w 3676"/>
              <a:gd name="T19" fmla="*/ 155 h 1781"/>
              <a:gd name="T20" fmla="*/ 1610 w 3676"/>
              <a:gd name="T21" fmla="*/ 0 h 1781"/>
              <a:gd name="T22" fmla="*/ 1514 w 3676"/>
              <a:gd name="T23" fmla="*/ 181 h 1781"/>
              <a:gd name="T24" fmla="*/ 1609 w 3676"/>
              <a:gd name="T25" fmla="*/ 827 h 1781"/>
              <a:gd name="T26" fmla="*/ 324 w 3676"/>
              <a:gd name="T27" fmla="*/ 1516 h 1781"/>
              <a:gd name="T28" fmla="*/ 232 w 3676"/>
              <a:gd name="T29" fmla="*/ 1759 h 1781"/>
              <a:gd name="T30" fmla="*/ 449 w 3676"/>
              <a:gd name="T31" fmla="*/ 1113 h 1781"/>
              <a:gd name="T32" fmla="*/ 449 w 3676"/>
              <a:gd name="T33" fmla="*/ 181 h 1781"/>
              <a:gd name="T34" fmla="*/ 200 w 3676"/>
              <a:gd name="T35" fmla="*/ 181 h 1781"/>
              <a:gd name="T36" fmla="*/ 417 w 3676"/>
              <a:gd name="T37" fmla="*/ 827 h 1781"/>
              <a:gd name="T38" fmla="*/ 3228 w 3676"/>
              <a:gd name="T39" fmla="*/ 1295 h 1781"/>
              <a:gd name="T40" fmla="*/ 2919 w 3676"/>
              <a:gd name="T41" fmla="*/ 1304 h 1781"/>
              <a:gd name="T42" fmla="*/ 3244 w 3676"/>
              <a:gd name="T43" fmla="*/ 1576 h 1781"/>
              <a:gd name="T44" fmla="*/ 2911 w 3676"/>
              <a:gd name="T45" fmla="*/ 1567 h 1781"/>
              <a:gd name="T46" fmla="*/ 3112 w 3676"/>
              <a:gd name="T47" fmla="*/ 1289 h 1781"/>
              <a:gd name="T48" fmla="*/ 2385 w 3676"/>
              <a:gd name="T49" fmla="*/ 181 h 1781"/>
              <a:gd name="T50" fmla="*/ 2171 w 3676"/>
              <a:gd name="T51" fmla="*/ 539 h 1781"/>
              <a:gd name="T52" fmla="*/ 1977 w 3676"/>
              <a:gd name="T53" fmla="*/ 568 h 1781"/>
              <a:gd name="T54" fmla="*/ 2393 w 3676"/>
              <a:gd name="T55" fmla="*/ 759 h 1781"/>
              <a:gd name="T56" fmla="*/ 2578 w 3676"/>
              <a:gd name="T57" fmla="*/ 827 h 1781"/>
              <a:gd name="T58" fmla="*/ 3167 w 3676"/>
              <a:gd name="T59" fmla="*/ 250 h 1781"/>
              <a:gd name="T60" fmla="*/ 3363 w 3676"/>
              <a:gd name="T61" fmla="*/ 181 h 1781"/>
              <a:gd name="T62" fmla="*/ 3169 w 3676"/>
              <a:gd name="T63" fmla="*/ 757 h 1781"/>
              <a:gd name="T64" fmla="*/ 2654 w 3676"/>
              <a:gd name="T65" fmla="*/ 504 h 1781"/>
              <a:gd name="T66" fmla="*/ 3169 w 3676"/>
              <a:gd name="T67" fmla="*/ 504 h 1781"/>
              <a:gd name="T68" fmla="*/ 2198 w 3676"/>
              <a:gd name="T69" fmla="*/ 1759 h 1781"/>
              <a:gd name="T70" fmla="*/ 2198 w 3676"/>
              <a:gd name="T71" fmla="*/ 930 h 1781"/>
              <a:gd name="T72" fmla="*/ 1765 w 3676"/>
              <a:gd name="T73" fmla="*/ 1600 h 1781"/>
              <a:gd name="T74" fmla="*/ 1468 w 3676"/>
              <a:gd name="T75" fmla="*/ 1113 h 1781"/>
              <a:gd name="T76" fmla="*/ 1716 w 3676"/>
              <a:gd name="T77" fmla="*/ 1780 h 1781"/>
              <a:gd name="T78" fmla="*/ 1886 w 3676"/>
              <a:gd name="T79" fmla="*/ 1759 h 1781"/>
              <a:gd name="T80" fmla="*/ 1876 w 3676"/>
              <a:gd name="T81" fmla="*/ 1113 h 1781"/>
              <a:gd name="T82" fmla="*/ 1264 w 3676"/>
              <a:gd name="T83" fmla="*/ 827 h 1781"/>
              <a:gd name="T84" fmla="*/ 1421 w 3676"/>
              <a:gd name="T85" fmla="*/ 180 h 1781"/>
              <a:gd name="T86" fmla="*/ 3482 w 3676"/>
              <a:gd name="T87" fmla="*/ 0 h 1781"/>
              <a:gd name="T88" fmla="*/ 3676 w 3676"/>
              <a:gd name="T89" fmla="*/ 0 h 1781"/>
              <a:gd name="T90" fmla="*/ 1354 w 3676"/>
              <a:gd name="T91" fmla="*/ 1113 h 1781"/>
              <a:gd name="T92" fmla="*/ 1161 w 3676"/>
              <a:gd name="T93" fmla="*/ 1689 h 1781"/>
              <a:gd name="T94" fmla="*/ 645 w 3676"/>
              <a:gd name="T95" fmla="*/ 1436 h 1781"/>
              <a:gd name="T96" fmla="*/ 1161 w 3676"/>
              <a:gd name="T97" fmla="*/ 1182 h 1781"/>
              <a:gd name="T98" fmla="*/ 998 w 3676"/>
              <a:gd name="T99" fmla="*/ 1271 h 1781"/>
              <a:gd name="T100" fmla="*/ 1161 w 3676"/>
              <a:gd name="T101" fmla="*/ 1436 h 1781"/>
              <a:gd name="T102" fmla="*/ 2750 w 3676"/>
              <a:gd name="T103" fmla="*/ 1112 h 1781"/>
              <a:gd name="T104" fmla="*/ 2643 w 3676"/>
              <a:gd name="T105" fmla="*/ 1124 h 1781"/>
              <a:gd name="T106" fmla="*/ 2698 w 3676"/>
              <a:gd name="T107" fmla="*/ 1085 h 1781"/>
              <a:gd name="T108" fmla="*/ 2581 w 3676"/>
              <a:gd name="T109" fmla="*/ 930 h 1781"/>
              <a:gd name="T110" fmla="*/ 2485 w 3676"/>
              <a:gd name="T111" fmla="*/ 1112 h 1781"/>
              <a:gd name="T112" fmla="*/ 2580 w 3676"/>
              <a:gd name="T113" fmla="*/ 1758 h 1781"/>
              <a:gd name="T114" fmla="*/ 2774 w 3676"/>
              <a:gd name="T115" fmla="*/ 1758 h 1781"/>
              <a:gd name="T116" fmla="*/ 2867 w 3676"/>
              <a:gd name="T117" fmla="*/ 1112 h 178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</a:cxnLst>
            <a:rect l="0" t="0" r="r" b="b"/>
            <a:pathLst>
              <a:path w="3676" h="1781">
                <a:moveTo>
                  <a:pt x="934" y="827"/>
                </a:moveTo>
                <a:cubicBezTo>
                  <a:pt x="740" y="827"/>
                  <a:pt x="740" y="827"/>
                  <a:pt x="740" y="827"/>
                </a:cubicBezTo>
                <a:cubicBezTo>
                  <a:pt x="740" y="0"/>
                  <a:pt x="740" y="0"/>
                  <a:pt x="740" y="0"/>
                </a:cubicBezTo>
                <a:cubicBezTo>
                  <a:pt x="934" y="0"/>
                  <a:pt x="934" y="0"/>
                  <a:pt x="934" y="0"/>
                </a:cubicBezTo>
                <a:cubicBezTo>
                  <a:pt x="934" y="30"/>
                  <a:pt x="934" y="30"/>
                  <a:pt x="934" y="30"/>
                </a:cubicBezTo>
                <a:cubicBezTo>
                  <a:pt x="930" y="83"/>
                  <a:pt x="905" y="129"/>
                  <a:pt x="858" y="155"/>
                </a:cubicBezTo>
                <a:cubicBezTo>
                  <a:pt x="843" y="164"/>
                  <a:pt x="819" y="166"/>
                  <a:pt x="803" y="168"/>
                </a:cubicBezTo>
                <a:cubicBezTo>
                  <a:pt x="803" y="194"/>
                  <a:pt x="803" y="194"/>
                  <a:pt x="803" y="194"/>
                </a:cubicBezTo>
                <a:cubicBezTo>
                  <a:pt x="811" y="193"/>
                  <a:pt x="823" y="191"/>
                  <a:pt x="835" y="188"/>
                </a:cubicBezTo>
                <a:cubicBezTo>
                  <a:pt x="860" y="184"/>
                  <a:pt x="885" y="181"/>
                  <a:pt x="910" y="181"/>
                </a:cubicBezTo>
                <a:cubicBezTo>
                  <a:pt x="934" y="181"/>
                  <a:pt x="934" y="181"/>
                  <a:pt x="934" y="181"/>
                </a:cubicBezTo>
                <a:cubicBezTo>
                  <a:pt x="934" y="181"/>
                  <a:pt x="934" y="181"/>
                  <a:pt x="934" y="181"/>
                </a:cubicBezTo>
                <a:lnTo>
                  <a:pt x="934" y="827"/>
                </a:lnTo>
                <a:close/>
                <a:moveTo>
                  <a:pt x="1609" y="827"/>
                </a:moveTo>
                <a:cubicBezTo>
                  <a:pt x="1610" y="827"/>
                  <a:pt x="1610" y="827"/>
                  <a:pt x="1610" y="827"/>
                </a:cubicBezTo>
                <a:cubicBezTo>
                  <a:pt x="1802" y="827"/>
                  <a:pt x="1802" y="827"/>
                  <a:pt x="1802" y="827"/>
                </a:cubicBezTo>
                <a:cubicBezTo>
                  <a:pt x="1803" y="827"/>
                  <a:pt x="1803" y="827"/>
                  <a:pt x="1803" y="827"/>
                </a:cubicBezTo>
                <a:cubicBezTo>
                  <a:pt x="1803" y="328"/>
                  <a:pt x="1803" y="328"/>
                  <a:pt x="1803" y="328"/>
                </a:cubicBezTo>
                <a:cubicBezTo>
                  <a:pt x="1896" y="328"/>
                  <a:pt x="1896" y="328"/>
                  <a:pt x="1896" y="328"/>
                </a:cubicBezTo>
                <a:cubicBezTo>
                  <a:pt x="1896" y="181"/>
                  <a:pt x="1896" y="181"/>
                  <a:pt x="1896" y="181"/>
                </a:cubicBezTo>
                <a:cubicBezTo>
                  <a:pt x="1803" y="181"/>
                  <a:pt x="1803" y="181"/>
                  <a:pt x="1803" y="181"/>
                </a:cubicBezTo>
                <a:cubicBezTo>
                  <a:pt x="1803" y="181"/>
                  <a:pt x="1803" y="181"/>
                  <a:pt x="1803" y="181"/>
                </a:cubicBezTo>
                <a:cubicBezTo>
                  <a:pt x="1802" y="181"/>
                  <a:pt x="1802" y="181"/>
                  <a:pt x="1802" y="181"/>
                </a:cubicBezTo>
                <a:cubicBezTo>
                  <a:pt x="1779" y="181"/>
                  <a:pt x="1779" y="181"/>
                  <a:pt x="1779" y="181"/>
                </a:cubicBezTo>
                <a:cubicBezTo>
                  <a:pt x="1779" y="181"/>
                  <a:pt x="1779" y="181"/>
                  <a:pt x="1779" y="181"/>
                </a:cubicBezTo>
                <a:cubicBezTo>
                  <a:pt x="1754" y="181"/>
                  <a:pt x="1728" y="184"/>
                  <a:pt x="1704" y="188"/>
                </a:cubicBezTo>
                <a:cubicBezTo>
                  <a:pt x="1691" y="191"/>
                  <a:pt x="1680" y="193"/>
                  <a:pt x="1672" y="194"/>
                </a:cubicBezTo>
                <a:cubicBezTo>
                  <a:pt x="1672" y="194"/>
                  <a:pt x="1672" y="194"/>
                  <a:pt x="1671" y="194"/>
                </a:cubicBezTo>
                <a:cubicBezTo>
                  <a:pt x="1671" y="168"/>
                  <a:pt x="1671" y="168"/>
                  <a:pt x="1671" y="168"/>
                </a:cubicBezTo>
                <a:cubicBezTo>
                  <a:pt x="1688" y="166"/>
                  <a:pt x="1711" y="164"/>
                  <a:pt x="1727" y="155"/>
                </a:cubicBezTo>
                <a:cubicBezTo>
                  <a:pt x="1773" y="129"/>
                  <a:pt x="1799" y="83"/>
                  <a:pt x="1802" y="30"/>
                </a:cubicBezTo>
                <a:cubicBezTo>
                  <a:pt x="1802" y="0"/>
                  <a:pt x="1802" y="0"/>
                  <a:pt x="1802" y="0"/>
                </a:cubicBezTo>
                <a:cubicBezTo>
                  <a:pt x="1610" y="0"/>
                  <a:pt x="1610" y="0"/>
                  <a:pt x="1610" y="0"/>
                </a:cubicBezTo>
                <a:cubicBezTo>
                  <a:pt x="1609" y="0"/>
                  <a:pt x="1609" y="0"/>
                  <a:pt x="1609" y="0"/>
                </a:cubicBezTo>
                <a:cubicBezTo>
                  <a:pt x="1609" y="181"/>
                  <a:pt x="1609" y="181"/>
                  <a:pt x="1609" y="181"/>
                </a:cubicBezTo>
                <a:cubicBezTo>
                  <a:pt x="1514" y="181"/>
                  <a:pt x="1514" y="181"/>
                  <a:pt x="1514" y="181"/>
                </a:cubicBezTo>
                <a:cubicBezTo>
                  <a:pt x="1514" y="328"/>
                  <a:pt x="1514" y="328"/>
                  <a:pt x="1514" y="328"/>
                </a:cubicBezTo>
                <a:cubicBezTo>
                  <a:pt x="1609" y="328"/>
                  <a:pt x="1609" y="328"/>
                  <a:pt x="1609" y="328"/>
                </a:cubicBezTo>
                <a:lnTo>
                  <a:pt x="1609" y="827"/>
                </a:lnTo>
                <a:close/>
                <a:moveTo>
                  <a:pt x="449" y="1113"/>
                </a:moveTo>
                <a:cubicBezTo>
                  <a:pt x="326" y="1516"/>
                  <a:pt x="326" y="1516"/>
                  <a:pt x="326" y="1516"/>
                </a:cubicBezTo>
                <a:cubicBezTo>
                  <a:pt x="324" y="1516"/>
                  <a:pt x="324" y="1516"/>
                  <a:pt x="324" y="1516"/>
                </a:cubicBezTo>
                <a:cubicBezTo>
                  <a:pt x="200" y="1113"/>
                  <a:pt x="200" y="1113"/>
                  <a:pt x="200" y="1113"/>
                </a:cubicBezTo>
                <a:cubicBezTo>
                  <a:pt x="0" y="1113"/>
                  <a:pt x="0" y="1113"/>
                  <a:pt x="0" y="1113"/>
                </a:cubicBezTo>
                <a:cubicBezTo>
                  <a:pt x="232" y="1759"/>
                  <a:pt x="232" y="1759"/>
                  <a:pt x="232" y="1759"/>
                </a:cubicBezTo>
                <a:cubicBezTo>
                  <a:pt x="417" y="1759"/>
                  <a:pt x="417" y="1759"/>
                  <a:pt x="417" y="1759"/>
                </a:cubicBezTo>
                <a:cubicBezTo>
                  <a:pt x="650" y="1113"/>
                  <a:pt x="650" y="1113"/>
                  <a:pt x="650" y="1113"/>
                </a:cubicBezTo>
                <a:lnTo>
                  <a:pt x="449" y="1113"/>
                </a:lnTo>
                <a:close/>
                <a:moveTo>
                  <a:pt x="417" y="827"/>
                </a:moveTo>
                <a:cubicBezTo>
                  <a:pt x="650" y="181"/>
                  <a:pt x="650" y="181"/>
                  <a:pt x="650" y="181"/>
                </a:cubicBezTo>
                <a:cubicBezTo>
                  <a:pt x="449" y="181"/>
                  <a:pt x="449" y="181"/>
                  <a:pt x="449" y="181"/>
                </a:cubicBezTo>
                <a:cubicBezTo>
                  <a:pt x="326" y="584"/>
                  <a:pt x="326" y="584"/>
                  <a:pt x="326" y="584"/>
                </a:cubicBezTo>
                <a:cubicBezTo>
                  <a:pt x="324" y="584"/>
                  <a:pt x="324" y="584"/>
                  <a:pt x="324" y="584"/>
                </a:cubicBezTo>
                <a:cubicBezTo>
                  <a:pt x="200" y="181"/>
                  <a:pt x="200" y="181"/>
                  <a:pt x="200" y="181"/>
                </a:cubicBezTo>
                <a:cubicBezTo>
                  <a:pt x="0" y="181"/>
                  <a:pt x="0" y="181"/>
                  <a:pt x="0" y="181"/>
                </a:cubicBezTo>
                <a:cubicBezTo>
                  <a:pt x="232" y="827"/>
                  <a:pt x="232" y="827"/>
                  <a:pt x="232" y="827"/>
                </a:cubicBezTo>
                <a:lnTo>
                  <a:pt x="417" y="827"/>
                </a:lnTo>
                <a:close/>
                <a:moveTo>
                  <a:pt x="3112" y="1289"/>
                </a:moveTo>
                <a:cubicBezTo>
                  <a:pt x="3112" y="1260"/>
                  <a:pt x="3142" y="1246"/>
                  <a:pt x="3167" y="1246"/>
                </a:cubicBezTo>
                <a:cubicBezTo>
                  <a:pt x="3201" y="1246"/>
                  <a:pt x="3227" y="1259"/>
                  <a:pt x="3228" y="1295"/>
                </a:cubicBezTo>
                <a:cubicBezTo>
                  <a:pt x="3417" y="1295"/>
                  <a:pt x="3417" y="1295"/>
                  <a:pt x="3417" y="1295"/>
                </a:cubicBezTo>
                <a:cubicBezTo>
                  <a:pt x="3405" y="1157"/>
                  <a:pt x="3299" y="1091"/>
                  <a:pt x="3170" y="1091"/>
                </a:cubicBezTo>
                <a:cubicBezTo>
                  <a:pt x="3045" y="1091"/>
                  <a:pt x="2919" y="1169"/>
                  <a:pt x="2919" y="1304"/>
                </a:cubicBezTo>
                <a:cubicBezTo>
                  <a:pt x="2919" y="1395"/>
                  <a:pt x="2996" y="1445"/>
                  <a:pt x="3073" y="1473"/>
                </a:cubicBezTo>
                <a:cubicBezTo>
                  <a:pt x="3101" y="1483"/>
                  <a:pt x="3129" y="1493"/>
                  <a:pt x="3157" y="1502"/>
                </a:cubicBezTo>
                <a:cubicBezTo>
                  <a:pt x="3192" y="1516"/>
                  <a:pt x="3244" y="1530"/>
                  <a:pt x="3244" y="1576"/>
                </a:cubicBezTo>
                <a:cubicBezTo>
                  <a:pt x="3244" y="1610"/>
                  <a:pt x="3206" y="1626"/>
                  <a:pt x="3176" y="1626"/>
                </a:cubicBezTo>
                <a:cubicBezTo>
                  <a:pt x="3138" y="1626"/>
                  <a:pt x="3109" y="1607"/>
                  <a:pt x="3103" y="1567"/>
                </a:cubicBezTo>
                <a:cubicBezTo>
                  <a:pt x="2911" y="1567"/>
                  <a:pt x="2911" y="1567"/>
                  <a:pt x="2911" y="1567"/>
                </a:cubicBezTo>
                <a:cubicBezTo>
                  <a:pt x="2926" y="1709"/>
                  <a:pt x="3039" y="1781"/>
                  <a:pt x="3174" y="1781"/>
                </a:cubicBezTo>
                <a:cubicBezTo>
                  <a:pt x="3306" y="1781"/>
                  <a:pt x="3437" y="1707"/>
                  <a:pt x="3437" y="1561"/>
                </a:cubicBezTo>
                <a:cubicBezTo>
                  <a:pt x="3437" y="1333"/>
                  <a:pt x="3112" y="1390"/>
                  <a:pt x="3112" y="1289"/>
                </a:cubicBezTo>
                <a:close/>
                <a:moveTo>
                  <a:pt x="2578" y="827"/>
                </a:moveTo>
                <a:cubicBezTo>
                  <a:pt x="2578" y="181"/>
                  <a:pt x="2578" y="181"/>
                  <a:pt x="2578" y="181"/>
                </a:cubicBezTo>
                <a:cubicBezTo>
                  <a:pt x="2385" y="181"/>
                  <a:pt x="2385" y="181"/>
                  <a:pt x="2385" y="181"/>
                </a:cubicBezTo>
                <a:cubicBezTo>
                  <a:pt x="2385" y="536"/>
                  <a:pt x="2385" y="536"/>
                  <a:pt x="2385" y="536"/>
                </a:cubicBezTo>
                <a:cubicBezTo>
                  <a:pt x="2385" y="611"/>
                  <a:pt x="2354" y="668"/>
                  <a:pt x="2274" y="668"/>
                </a:cubicBezTo>
                <a:cubicBezTo>
                  <a:pt x="2187" y="668"/>
                  <a:pt x="2171" y="612"/>
                  <a:pt x="2171" y="539"/>
                </a:cubicBezTo>
                <a:cubicBezTo>
                  <a:pt x="2171" y="181"/>
                  <a:pt x="2171" y="181"/>
                  <a:pt x="2171" y="181"/>
                </a:cubicBezTo>
                <a:cubicBezTo>
                  <a:pt x="1977" y="181"/>
                  <a:pt x="1977" y="181"/>
                  <a:pt x="1977" y="181"/>
                </a:cubicBezTo>
                <a:cubicBezTo>
                  <a:pt x="1977" y="568"/>
                  <a:pt x="1977" y="568"/>
                  <a:pt x="1977" y="568"/>
                </a:cubicBezTo>
                <a:cubicBezTo>
                  <a:pt x="1977" y="648"/>
                  <a:pt x="1983" y="702"/>
                  <a:pt x="2036" y="767"/>
                </a:cubicBezTo>
                <a:cubicBezTo>
                  <a:pt x="2082" y="824"/>
                  <a:pt x="2154" y="848"/>
                  <a:pt x="2225" y="848"/>
                </a:cubicBezTo>
                <a:cubicBezTo>
                  <a:pt x="2297" y="848"/>
                  <a:pt x="2359" y="828"/>
                  <a:pt x="2393" y="759"/>
                </a:cubicBezTo>
                <a:cubicBezTo>
                  <a:pt x="2395" y="759"/>
                  <a:pt x="2395" y="759"/>
                  <a:pt x="2395" y="759"/>
                </a:cubicBezTo>
                <a:cubicBezTo>
                  <a:pt x="2395" y="827"/>
                  <a:pt x="2395" y="827"/>
                  <a:pt x="2395" y="827"/>
                </a:cubicBezTo>
                <a:lnTo>
                  <a:pt x="2578" y="827"/>
                </a:lnTo>
                <a:close/>
                <a:moveTo>
                  <a:pt x="2654" y="504"/>
                </a:moveTo>
                <a:cubicBezTo>
                  <a:pt x="2654" y="315"/>
                  <a:pt x="2784" y="159"/>
                  <a:pt x="2978" y="159"/>
                </a:cubicBezTo>
                <a:cubicBezTo>
                  <a:pt x="3049" y="159"/>
                  <a:pt x="3129" y="186"/>
                  <a:pt x="3167" y="250"/>
                </a:cubicBezTo>
                <a:cubicBezTo>
                  <a:pt x="3169" y="250"/>
                  <a:pt x="3169" y="250"/>
                  <a:pt x="3169" y="250"/>
                </a:cubicBezTo>
                <a:cubicBezTo>
                  <a:pt x="3169" y="181"/>
                  <a:pt x="3169" y="181"/>
                  <a:pt x="3169" y="181"/>
                </a:cubicBezTo>
                <a:cubicBezTo>
                  <a:pt x="3363" y="181"/>
                  <a:pt x="3363" y="181"/>
                  <a:pt x="3363" y="181"/>
                </a:cubicBezTo>
                <a:cubicBezTo>
                  <a:pt x="3363" y="827"/>
                  <a:pt x="3363" y="827"/>
                  <a:pt x="3363" y="827"/>
                </a:cubicBezTo>
                <a:cubicBezTo>
                  <a:pt x="3169" y="827"/>
                  <a:pt x="3169" y="827"/>
                  <a:pt x="3169" y="827"/>
                </a:cubicBezTo>
                <a:cubicBezTo>
                  <a:pt x="3169" y="757"/>
                  <a:pt x="3169" y="757"/>
                  <a:pt x="3169" y="757"/>
                </a:cubicBezTo>
                <a:cubicBezTo>
                  <a:pt x="3167" y="757"/>
                  <a:pt x="3167" y="757"/>
                  <a:pt x="3167" y="757"/>
                </a:cubicBezTo>
                <a:cubicBezTo>
                  <a:pt x="3132" y="824"/>
                  <a:pt x="3048" y="849"/>
                  <a:pt x="2978" y="849"/>
                </a:cubicBezTo>
                <a:cubicBezTo>
                  <a:pt x="2779" y="849"/>
                  <a:pt x="2654" y="696"/>
                  <a:pt x="2654" y="504"/>
                </a:cubicBezTo>
                <a:close/>
                <a:moveTo>
                  <a:pt x="2847" y="506"/>
                </a:moveTo>
                <a:cubicBezTo>
                  <a:pt x="2847" y="596"/>
                  <a:pt x="2917" y="669"/>
                  <a:pt x="3008" y="669"/>
                </a:cubicBezTo>
                <a:cubicBezTo>
                  <a:pt x="3102" y="669"/>
                  <a:pt x="3169" y="597"/>
                  <a:pt x="3169" y="504"/>
                </a:cubicBezTo>
                <a:cubicBezTo>
                  <a:pt x="3169" y="409"/>
                  <a:pt x="3101" y="340"/>
                  <a:pt x="3006" y="340"/>
                </a:cubicBezTo>
                <a:cubicBezTo>
                  <a:pt x="2912" y="340"/>
                  <a:pt x="2847" y="414"/>
                  <a:pt x="2847" y="506"/>
                </a:cubicBezTo>
                <a:close/>
                <a:moveTo>
                  <a:pt x="2198" y="1759"/>
                </a:moveTo>
                <a:cubicBezTo>
                  <a:pt x="2392" y="1759"/>
                  <a:pt x="2392" y="1759"/>
                  <a:pt x="2392" y="1759"/>
                </a:cubicBezTo>
                <a:cubicBezTo>
                  <a:pt x="2392" y="930"/>
                  <a:pt x="2392" y="930"/>
                  <a:pt x="2392" y="930"/>
                </a:cubicBezTo>
                <a:cubicBezTo>
                  <a:pt x="2198" y="930"/>
                  <a:pt x="2198" y="930"/>
                  <a:pt x="2198" y="930"/>
                </a:cubicBezTo>
                <a:lnTo>
                  <a:pt x="2198" y="1759"/>
                </a:lnTo>
                <a:close/>
                <a:moveTo>
                  <a:pt x="1876" y="1468"/>
                </a:moveTo>
                <a:cubicBezTo>
                  <a:pt x="1876" y="1543"/>
                  <a:pt x="1845" y="1600"/>
                  <a:pt x="1765" y="1600"/>
                </a:cubicBezTo>
                <a:cubicBezTo>
                  <a:pt x="1678" y="1600"/>
                  <a:pt x="1661" y="1544"/>
                  <a:pt x="1661" y="1470"/>
                </a:cubicBezTo>
                <a:cubicBezTo>
                  <a:pt x="1661" y="1113"/>
                  <a:pt x="1661" y="1113"/>
                  <a:pt x="1661" y="1113"/>
                </a:cubicBezTo>
                <a:cubicBezTo>
                  <a:pt x="1468" y="1113"/>
                  <a:pt x="1468" y="1113"/>
                  <a:pt x="1468" y="1113"/>
                </a:cubicBezTo>
                <a:cubicBezTo>
                  <a:pt x="1468" y="1500"/>
                  <a:pt x="1468" y="1500"/>
                  <a:pt x="1468" y="1500"/>
                </a:cubicBezTo>
                <a:cubicBezTo>
                  <a:pt x="1468" y="1580"/>
                  <a:pt x="1474" y="1633"/>
                  <a:pt x="1526" y="1699"/>
                </a:cubicBezTo>
                <a:cubicBezTo>
                  <a:pt x="1573" y="1756"/>
                  <a:pt x="1645" y="1780"/>
                  <a:pt x="1716" y="1780"/>
                </a:cubicBezTo>
                <a:cubicBezTo>
                  <a:pt x="1788" y="1780"/>
                  <a:pt x="1850" y="1760"/>
                  <a:pt x="1884" y="1690"/>
                </a:cubicBezTo>
                <a:cubicBezTo>
                  <a:pt x="1886" y="1690"/>
                  <a:pt x="1886" y="1690"/>
                  <a:pt x="1886" y="1690"/>
                </a:cubicBezTo>
                <a:cubicBezTo>
                  <a:pt x="1886" y="1759"/>
                  <a:pt x="1886" y="1759"/>
                  <a:pt x="1886" y="1759"/>
                </a:cubicBezTo>
                <a:cubicBezTo>
                  <a:pt x="2069" y="1759"/>
                  <a:pt x="2069" y="1759"/>
                  <a:pt x="2069" y="1759"/>
                </a:cubicBezTo>
                <a:cubicBezTo>
                  <a:pt x="2069" y="1113"/>
                  <a:pt x="2069" y="1113"/>
                  <a:pt x="2069" y="1113"/>
                </a:cubicBezTo>
                <a:cubicBezTo>
                  <a:pt x="1876" y="1113"/>
                  <a:pt x="1876" y="1113"/>
                  <a:pt x="1876" y="1113"/>
                </a:cubicBezTo>
                <a:lnTo>
                  <a:pt x="1876" y="1468"/>
                </a:lnTo>
                <a:close/>
                <a:moveTo>
                  <a:pt x="1071" y="827"/>
                </a:moveTo>
                <a:cubicBezTo>
                  <a:pt x="1264" y="827"/>
                  <a:pt x="1264" y="827"/>
                  <a:pt x="1264" y="827"/>
                </a:cubicBezTo>
                <a:cubicBezTo>
                  <a:pt x="1265" y="328"/>
                  <a:pt x="1265" y="328"/>
                  <a:pt x="1265" y="328"/>
                </a:cubicBezTo>
                <a:cubicBezTo>
                  <a:pt x="1421" y="328"/>
                  <a:pt x="1421" y="328"/>
                  <a:pt x="1421" y="328"/>
                </a:cubicBezTo>
                <a:cubicBezTo>
                  <a:pt x="1421" y="180"/>
                  <a:pt x="1421" y="180"/>
                  <a:pt x="1421" y="180"/>
                </a:cubicBezTo>
                <a:cubicBezTo>
                  <a:pt x="1071" y="180"/>
                  <a:pt x="1071" y="180"/>
                  <a:pt x="1071" y="180"/>
                </a:cubicBezTo>
                <a:lnTo>
                  <a:pt x="1071" y="827"/>
                </a:lnTo>
                <a:close/>
                <a:moveTo>
                  <a:pt x="3482" y="0"/>
                </a:moveTo>
                <a:cubicBezTo>
                  <a:pt x="3482" y="827"/>
                  <a:pt x="3482" y="827"/>
                  <a:pt x="3482" y="827"/>
                </a:cubicBezTo>
                <a:cubicBezTo>
                  <a:pt x="3676" y="827"/>
                  <a:pt x="3676" y="827"/>
                  <a:pt x="3676" y="827"/>
                </a:cubicBezTo>
                <a:cubicBezTo>
                  <a:pt x="3676" y="0"/>
                  <a:pt x="3676" y="0"/>
                  <a:pt x="3676" y="0"/>
                </a:cubicBezTo>
                <a:lnTo>
                  <a:pt x="3482" y="0"/>
                </a:lnTo>
                <a:close/>
                <a:moveTo>
                  <a:pt x="1161" y="1113"/>
                </a:moveTo>
                <a:cubicBezTo>
                  <a:pt x="1354" y="1113"/>
                  <a:pt x="1354" y="1113"/>
                  <a:pt x="1354" y="1113"/>
                </a:cubicBezTo>
                <a:cubicBezTo>
                  <a:pt x="1354" y="1759"/>
                  <a:pt x="1354" y="1759"/>
                  <a:pt x="1354" y="1759"/>
                </a:cubicBezTo>
                <a:cubicBezTo>
                  <a:pt x="1161" y="1759"/>
                  <a:pt x="1161" y="1759"/>
                  <a:pt x="1161" y="1759"/>
                </a:cubicBezTo>
                <a:cubicBezTo>
                  <a:pt x="1161" y="1689"/>
                  <a:pt x="1161" y="1689"/>
                  <a:pt x="1161" y="1689"/>
                </a:cubicBezTo>
                <a:cubicBezTo>
                  <a:pt x="1159" y="1689"/>
                  <a:pt x="1159" y="1689"/>
                  <a:pt x="1159" y="1689"/>
                </a:cubicBezTo>
                <a:cubicBezTo>
                  <a:pt x="1124" y="1756"/>
                  <a:pt x="1040" y="1781"/>
                  <a:pt x="970" y="1781"/>
                </a:cubicBezTo>
                <a:cubicBezTo>
                  <a:pt x="771" y="1781"/>
                  <a:pt x="645" y="1628"/>
                  <a:pt x="645" y="1436"/>
                </a:cubicBezTo>
                <a:cubicBezTo>
                  <a:pt x="645" y="1247"/>
                  <a:pt x="776" y="1091"/>
                  <a:pt x="970" y="1091"/>
                </a:cubicBezTo>
                <a:cubicBezTo>
                  <a:pt x="1041" y="1091"/>
                  <a:pt x="1120" y="1118"/>
                  <a:pt x="1159" y="1182"/>
                </a:cubicBezTo>
                <a:cubicBezTo>
                  <a:pt x="1161" y="1182"/>
                  <a:pt x="1161" y="1182"/>
                  <a:pt x="1161" y="1182"/>
                </a:cubicBezTo>
                <a:lnTo>
                  <a:pt x="1161" y="1113"/>
                </a:lnTo>
                <a:close/>
                <a:moveTo>
                  <a:pt x="1161" y="1436"/>
                </a:moveTo>
                <a:cubicBezTo>
                  <a:pt x="1161" y="1341"/>
                  <a:pt x="1092" y="1271"/>
                  <a:pt x="998" y="1271"/>
                </a:cubicBezTo>
                <a:cubicBezTo>
                  <a:pt x="904" y="1271"/>
                  <a:pt x="839" y="1346"/>
                  <a:pt x="839" y="1438"/>
                </a:cubicBezTo>
                <a:cubicBezTo>
                  <a:pt x="839" y="1527"/>
                  <a:pt x="908" y="1601"/>
                  <a:pt x="999" y="1601"/>
                </a:cubicBezTo>
                <a:cubicBezTo>
                  <a:pt x="1093" y="1601"/>
                  <a:pt x="1161" y="1529"/>
                  <a:pt x="1161" y="1436"/>
                </a:cubicBezTo>
                <a:close/>
                <a:moveTo>
                  <a:pt x="2774" y="1112"/>
                </a:moveTo>
                <a:cubicBezTo>
                  <a:pt x="2774" y="1112"/>
                  <a:pt x="2774" y="1112"/>
                  <a:pt x="2774" y="1112"/>
                </a:cubicBezTo>
                <a:cubicBezTo>
                  <a:pt x="2750" y="1112"/>
                  <a:pt x="2750" y="1112"/>
                  <a:pt x="2750" y="1112"/>
                </a:cubicBezTo>
                <a:cubicBezTo>
                  <a:pt x="2750" y="1112"/>
                  <a:pt x="2750" y="1112"/>
                  <a:pt x="2750" y="1112"/>
                </a:cubicBezTo>
                <a:cubicBezTo>
                  <a:pt x="2725" y="1112"/>
                  <a:pt x="2700" y="1114"/>
                  <a:pt x="2675" y="1119"/>
                </a:cubicBezTo>
                <a:cubicBezTo>
                  <a:pt x="2663" y="1121"/>
                  <a:pt x="2651" y="1123"/>
                  <a:pt x="2643" y="1124"/>
                </a:cubicBezTo>
                <a:cubicBezTo>
                  <a:pt x="2643" y="1124"/>
                  <a:pt x="2643" y="1124"/>
                  <a:pt x="2643" y="1124"/>
                </a:cubicBezTo>
                <a:cubicBezTo>
                  <a:pt x="2643" y="1099"/>
                  <a:pt x="2643" y="1099"/>
                  <a:pt x="2643" y="1099"/>
                </a:cubicBezTo>
                <a:cubicBezTo>
                  <a:pt x="2659" y="1096"/>
                  <a:pt x="2683" y="1094"/>
                  <a:pt x="2698" y="1085"/>
                </a:cubicBezTo>
                <a:cubicBezTo>
                  <a:pt x="2745" y="1060"/>
                  <a:pt x="2770" y="1013"/>
                  <a:pt x="2774" y="961"/>
                </a:cubicBezTo>
                <a:cubicBezTo>
                  <a:pt x="2774" y="930"/>
                  <a:pt x="2774" y="930"/>
                  <a:pt x="2774" y="930"/>
                </a:cubicBezTo>
                <a:cubicBezTo>
                  <a:pt x="2581" y="930"/>
                  <a:pt x="2581" y="930"/>
                  <a:pt x="2581" y="930"/>
                </a:cubicBezTo>
                <a:cubicBezTo>
                  <a:pt x="2580" y="930"/>
                  <a:pt x="2580" y="930"/>
                  <a:pt x="2580" y="930"/>
                </a:cubicBezTo>
                <a:cubicBezTo>
                  <a:pt x="2580" y="1112"/>
                  <a:pt x="2580" y="1112"/>
                  <a:pt x="2580" y="1112"/>
                </a:cubicBezTo>
                <a:cubicBezTo>
                  <a:pt x="2485" y="1112"/>
                  <a:pt x="2485" y="1112"/>
                  <a:pt x="2485" y="1112"/>
                </a:cubicBezTo>
                <a:cubicBezTo>
                  <a:pt x="2485" y="1259"/>
                  <a:pt x="2485" y="1259"/>
                  <a:pt x="2485" y="1259"/>
                </a:cubicBezTo>
                <a:cubicBezTo>
                  <a:pt x="2580" y="1259"/>
                  <a:pt x="2580" y="1259"/>
                  <a:pt x="2580" y="1259"/>
                </a:cubicBezTo>
                <a:cubicBezTo>
                  <a:pt x="2580" y="1758"/>
                  <a:pt x="2580" y="1758"/>
                  <a:pt x="2580" y="1758"/>
                </a:cubicBezTo>
                <a:cubicBezTo>
                  <a:pt x="2581" y="1758"/>
                  <a:pt x="2581" y="1758"/>
                  <a:pt x="2581" y="1758"/>
                </a:cubicBezTo>
                <a:cubicBezTo>
                  <a:pt x="2774" y="1758"/>
                  <a:pt x="2774" y="1758"/>
                  <a:pt x="2774" y="1758"/>
                </a:cubicBezTo>
                <a:cubicBezTo>
                  <a:pt x="2774" y="1758"/>
                  <a:pt x="2774" y="1758"/>
                  <a:pt x="2774" y="1758"/>
                </a:cubicBezTo>
                <a:cubicBezTo>
                  <a:pt x="2774" y="1259"/>
                  <a:pt x="2774" y="1259"/>
                  <a:pt x="2774" y="1259"/>
                </a:cubicBezTo>
                <a:cubicBezTo>
                  <a:pt x="2867" y="1259"/>
                  <a:pt x="2867" y="1259"/>
                  <a:pt x="2867" y="1259"/>
                </a:cubicBezTo>
                <a:cubicBezTo>
                  <a:pt x="2867" y="1112"/>
                  <a:pt x="2867" y="1112"/>
                  <a:pt x="2867" y="1112"/>
                </a:cubicBezTo>
                <a:cubicBezTo>
                  <a:pt x="2774" y="1112"/>
                  <a:pt x="2774" y="1112"/>
                  <a:pt x="2774" y="1112"/>
                </a:cubicBezTo>
                <a:close/>
              </a:path>
            </a:pathLst>
          </a:custGeom>
          <a:solidFill>
            <a:srgbClr val="00000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256019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[Contacts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Frame 1">
            <a:extLst>
              <a:ext uri="{FF2B5EF4-FFF2-40B4-BE49-F238E27FC236}">
                <a16:creationId xmlns:a16="http://schemas.microsoft.com/office/drawing/2014/main" id="{EE477A9D-CEB0-6A84-E64B-C232C723FE80}"/>
              </a:ext>
            </a:extLst>
          </p:cNvPr>
          <p:cNvSpPr>
            <a:spLocks noGrp="1" noSelect="1"/>
          </p:cNvSpPr>
          <p:nvPr>
            <p:ph type="body" sz="quarter" idx="1019" hasCustomPrompt="1"/>
          </p:nvPr>
        </p:nvSpPr>
        <p:spPr>
          <a:xfrm>
            <a:off x="1066801" y="3570289"/>
            <a:ext cx="4824412" cy="1903412"/>
          </a:xfrm>
          <a:custGeom>
            <a:avLst/>
            <a:gdLst>
              <a:gd name="connsiteX0" fmla="*/ 259036 w 4824412"/>
              <a:gd name="connsiteY0" fmla="*/ 0 h 1903412"/>
              <a:gd name="connsiteX1" fmla="*/ 4565058 w 4824412"/>
              <a:gd name="connsiteY1" fmla="*/ 0 h 1903412"/>
              <a:gd name="connsiteX2" fmla="*/ 4617183 w 4824412"/>
              <a:gd name="connsiteY2" fmla="*/ 5470 h 1903412"/>
              <a:gd name="connsiteX3" fmla="*/ 4824412 w 4824412"/>
              <a:gd name="connsiteY3" fmla="*/ 259527 h 1903412"/>
              <a:gd name="connsiteX4" fmla="*/ 4824412 w 4824412"/>
              <a:gd name="connsiteY4" fmla="*/ 1644202 h 1903412"/>
              <a:gd name="connsiteX5" fmla="*/ 4564096 w 4824412"/>
              <a:gd name="connsiteY5" fmla="*/ 1903412 h 1903412"/>
              <a:gd name="connsiteX6" fmla="*/ 260315 w 4824412"/>
              <a:gd name="connsiteY6" fmla="*/ 1903412 h 1903412"/>
              <a:gd name="connsiteX7" fmla="*/ 20450 w 4824412"/>
              <a:gd name="connsiteY7" fmla="*/ 1744339 h 1903412"/>
              <a:gd name="connsiteX8" fmla="*/ 0 w 4824412"/>
              <a:gd name="connsiteY8" fmla="*/ 1642937 h 1903412"/>
              <a:gd name="connsiteX9" fmla="*/ 0 w 4824412"/>
              <a:gd name="connsiteY9" fmla="*/ 260475 h 1903412"/>
              <a:gd name="connsiteX10" fmla="*/ 20341 w 4824412"/>
              <a:gd name="connsiteY10" fmla="*/ 159429 h 1903412"/>
              <a:gd name="connsiteX11" fmla="*/ 206808 w 4824412"/>
              <a:gd name="connsiteY11" fmla="*/ 5498 h 190341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4824412" h="1903412">
                <a:moveTo>
                  <a:pt x="259036" y="0"/>
                </a:moveTo>
                <a:lnTo>
                  <a:pt x="4565058" y="0"/>
                </a:lnTo>
                <a:lnTo>
                  <a:pt x="4617183" y="5470"/>
                </a:lnTo>
                <a:cubicBezTo>
                  <a:pt x="4735073" y="30043"/>
                  <a:pt x="4823857" y="134448"/>
                  <a:pt x="4824412" y="259527"/>
                </a:cubicBezTo>
                <a:cubicBezTo>
                  <a:pt x="4824412" y="259527"/>
                  <a:pt x="4824412" y="259527"/>
                  <a:pt x="4824412" y="1644202"/>
                </a:cubicBezTo>
                <a:cubicBezTo>
                  <a:pt x="4823777" y="1787467"/>
                  <a:pt x="4707270" y="1903412"/>
                  <a:pt x="4564096" y="1903412"/>
                </a:cubicBezTo>
                <a:cubicBezTo>
                  <a:pt x="4564096" y="1903412"/>
                  <a:pt x="4564096" y="1903412"/>
                  <a:pt x="260315" y="1903412"/>
                </a:cubicBezTo>
                <a:cubicBezTo>
                  <a:pt x="152458" y="1903412"/>
                  <a:pt x="59959" y="1837835"/>
                  <a:pt x="20450" y="1744339"/>
                </a:cubicBezTo>
                <a:lnTo>
                  <a:pt x="0" y="1642937"/>
                </a:lnTo>
                <a:lnTo>
                  <a:pt x="0" y="260475"/>
                </a:lnTo>
                <a:lnTo>
                  <a:pt x="20341" y="159429"/>
                </a:lnTo>
                <a:cubicBezTo>
                  <a:pt x="53092" y="81714"/>
                  <a:pt x="122455" y="23140"/>
                  <a:pt x="206808" y="5498"/>
                </a:cubicBezTo>
                <a:close/>
              </a:path>
            </a:pathLst>
          </a:custGeom>
          <a:solidFill>
            <a:srgbClr val="9AA3F9">
              <a:alpha val="60000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Tx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0" lvl="0" indent="-46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SzPct val="120000"/>
              <a:buFontTx/>
              <a:buNone/>
            </a:pPr>
            <a:r>
              <a:rPr lang="en-GB" dirty="0"/>
              <a:t> </a:t>
            </a:r>
          </a:p>
        </p:txBody>
      </p:sp>
      <p:sp>
        <p:nvSpPr>
          <p:cNvPr id="49" name="Frame 2">
            <a:extLst>
              <a:ext uri="{FF2B5EF4-FFF2-40B4-BE49-F238E27FC236}">
                <a16:creationId xmlns:a16="http://schemas.microsoft.com/office/drawing/2014/main" id="{826F85A9-074F-C451-079E-0D3C048A80C8}"/>
              </a:ext>
            </a:extLst>
          </p:cNvPr>
          <p:cNvSpPr>
            <a:spLocks noGrp="1" noSelect="1"/>
          </p:cNvSpPr>
          <p:nvPr>
            <p:ph type="body" sz="quarter" idx="1020" hasCustomPrompt="1"/>
          </p:nvPr>
        </p:nvSpPr>
        <p:spPr>
          <a:xfrm>
            <a:off x="6299201" y="1384301"/>
            <a:ext cx="4824412" cy="1903412"/>
          </a:xfrm>
          <a:custGeom>
            <a:avLst/>
            <a:gdLst>
              <a:gd name="connsiteX0" fmla="*/ 260305 w 4824412"/>
              <a:gd name="connsiteY0" fmla="*/ 0 h 1903412"/>
              <a:gd name="connsiteX1" fmla="*/ 4564106 w 4824412"/>
              <a:gd name="connsiteY1" fmla="*/ 0 h 1903412"/>
              <a:gd name="connsiteX2" fmla="*/ 4616570 w 4824412"/>
              <a:gd name="connsiteY2" fmla="*/ 5289 h 1903412"/>
              <a:gd name="connsiteX3" fmla="*/ 4824412 w 4824412"/>
              <a:gd name="connsiteY3" fmla="*/ 260479 h 1903412"/>
              <a:gd name="connsiteX4" fmla="*/ 4824412 w 4824412"/>
              <a:gd name="connsiteY4" fmla="*/ 1642932 h 1903412"/>
              <a:gd name="connsiteX5" fmla="*/ 4564096 w 4824412"/>
              <a:gd name="connsiteY5" fmla="*/ 1903412 h 1903412"/>
              <a:gd name="connsiteX6" fmla="*/ 260315 w 4824412"/>
              <a:gd name="connsiteY6" fmla="*/ 1903412 h 1903412"/>
              <a:gd name="connsiteX7" fmla="*/ 20763 w 4824412"/>
              <a:gd name="connsiteY7" fmla="*/ 1745009 h 1903412"/>
              <a:gd name="connsiteX8" fmla="*/ 0 w 4824412"/>
              <a:gd name="connsiteY8" fmla="*/ 1643890 h 1903412"/>
              <a:gd name="connsiteX9" fmla="*/ 0 w 4824412"/>
              <a:gd name="connsiteY9" fmla="*/ 259204 h 1903412"/>
              <a:gd name="connsiteX10" fmla="*/ 20763 w 4824412"/>
              <a:gd name="connsiteY10" fmla="*/ 158268 h 1903412"/>
              <a:gd name="connsiteX11" fmla="*/ 207958 w 4824412"/>
              <a:gd name="connsiteY11" fmla="*/ 5261 h 190341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4824412" h="1903412">
                <a:moveTo>
                  <a:pt x="260305" y="0"/>
                </a:moveTo>
                <a:lnTo>
                  <a:pt x="4564106" y="0"/>
                </a:lnTo>
                <a:lnTo>
                  <a:pt x="4616570" y="5289"/>
                </a:lnTo>
                <a:cubicBezTo>
                  <a:pt x="4735211" y="29571"/>
                  <a:pt x="4824412" y="134567"/>
                  <a:pt x="4824412" y="260479"/>
                </a:cubicBezTo>
                <a:cubicBezTo>
                  <a:pt x="4824412" y="260479"/>
                  <a:pt x="4824412" y="260479"/>
                  <a:pt x="4824412" y="1642932"/>
                </a:cubicBezTo>
                <a:cubicBezTo>
                  <a:pt x="4824412" y="1786831"/>
                  <a:pt x="4707905" y="1903412"/>
                  <a:pt x="4564096" y="1903412"/>
                </a:cubicBezTo>
                <a:cubicBezTo>
                  <a:pt x="4564096" y="1903412"/>
                  <a:pt x="4564096" y="1903412"/>
                  <a:pt x="260315" y="1903412"/>
                </a:cubicBezTo>
                <a:cubicBezTo>
                  <a:pt x="152697" y="1903412"/>
                  <a:pt x="60435" y="1838193"/>
                  <a:pt x="20763" y="1745009"/>
                </a:cubicBezTo>
                <a:lnTo>
                  <a:pt x="0" y="1643890"/>
                </a:lnTo>
                <a:lnTo>
                  <a:pt x="0" y="259204"/>
                </a:lnTo>
                <a:lnTo>
                  <a:pt x="20763" y="158268"/>
                </a:lnTo>
                <a:cubicBezTo>
                  <a:pt x="53823" y="80727"/>
                  <a:pt x="123404" y="22512"/>
                  <a:pt x="207958" y="5261"/>
                </a:cubicBezTo>
                <a:close/>
              </a:path>
            </a:pathLst>
          </a:custGeom>
          <a:solidFill>
            <a:srgbClr val="9AA3F9">
              <a:alpha val="20000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Tx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0" lvl="0" indent="-46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SzPct val="120000"/>
              <a:buFontTx/>
              <a:buNone/>
            </a:pPr>
            <a:r>
              <a:rPr lang="en-GB" dirty="0"/>
              <a:t> </a:t>
            </a:r>
          </a:p>
        </p:txBody>
      </p:sp>
      <p:sp>
        <p:nvSpPr>
          <p:cNvPr id="52" name="Frame 3">
            <a:extLst>
              <a:ext uri="{FF2B5EF4-FFF2-40B4-BE49-F238E27FC236}">
                <a16:creationId xmlns:a16="http://schemas.microsoft.com/office/drawing/2014/main" id="{88B8FD5D-359B-963A-C7AD-716D1F31C499}"/>
              </a:ext>
            </a:extLst>
          </p:cNvPr>
          <p:cNvSpPr>
            <a:spLocks noGrp="1" noSelect="1"/>
          </p:cNvSpPr>
          <p:nvPr>
            <p:ph type="body" sz="quarter" idx="1021" hasCustomPrompt="1"/>
          </p:nvPr>
        </p:nvSpPr>
        <p:spPr>
          <a:xfrm>
            <a:off x="1066801" y="1384301"/>
            <a:ext cx="4824412" cy="1903412"/>
          </a:xfrm>
          <a:custGeom>
            <a:avLst/>
            <a:gdLst>
              <a:gd name="connsiteX0" fmla="*/ 260305 w 4824412"/>
              <a:gd name="connsiteY0" fmla="*/ 0 h 1903412"/>
              <a:gd name="connsiteX1" fmla="*/ 4564106 w 4824412"/>
              <a:gd name="connsiteY1" fmla="*/ 0 h 1903412"/>
              <a:gd name="connsiteX2" fmla="*/ 4616362 w 4824412"/>
              <a:gd name="connsiteY2" fmla="*/ 5261 h 1903412"/>
              <a:gd name="connsiteX3" fmla="*/ 4824412 w 4824412"/>
              <a:gd name="connsiteY3" fmla="*/ 259209 h 1903412"/>
              <a:gd name="connsiteX4" fmla="*/ 4824412 w 4824412"/>
              <a:gd name="connsiteY4" fmla="*/ 1643885 h 1903412"/>
              <a:gd name="connsiteX5" fmla="*/ 4564096 w 4824412"/>
              <a:gd name="connsiteY5" fmla="*/ 1903412 h 1903412"/>
              <a:gd name="connsiteX6" fmla="*/ 260315 w 4824412"/>
              <a:gd name="connsiteY6" fmla="*/ 1903412 h 1903412"/>
              <a:gd name="connsiteX7" fmla="*/ 20450 w 4824412"/>
              <a:gd name="connsiteY7" fmla="*/ 1744339 h 1903412"/>
              <a:gd name="connsiteX8" fmla="*/ 0 w 4824412"/>
              <a:gd name="connsiteY8" fmla="*/ 1642937 h 1903412"/>
              <a:gd name="connsiteX9" fmla="*/ 0 w 4824412"/>
              <a:gd name="connsiteY9" fmla="*/ 260474 h 1903412"/>
              <a:gd name="connsiteX10" fmla="*/ 20450 w 4824412"/>
              <a:gd name="connsiteY10" fmla="*/ 159072 h 1903412"/>
              <a:gd name="connsiteX11" fmla="*/ 207841 w 4824412"/>
              <a:gd name="connsiteY11" fmla="*/ 5289 h 190341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4824412" h="1903412">
                <a:moveTo>
                  <a:pt x="260305" y="0"/>
                </a:moveTo>
                <a:lnTo>
                  <a:pt x="4564106" y="0"/>
                </a:lnTo>
                <a:lnTo>
                  <a:pt x="4616362" y="5261"/>
                </a:lnTo>
                <a:cubicBezTo>
                  <a:pt x="4734587" y="29412"/>
                  <a:pt x="4823857" y="133853"/>
                  <a:pt x="4824412" y="259209"/>
                </a:cubicBezTo>
                <a:cubicBezTo>
                  <a:pt x="4824412" y="259209"/>
                  <a:pt x="4824412" y="259209"/>
                  <a:pt x="4824412" y="1643885"/>
                </a:cubicBezTo>
                <a:cubicBezTo>
                  <a:pt x="4823777" y="1787467"/>
                  <a:pt x="4707270" y="1903412"/>
                  <a:pt x="4564096" y="1903412"/>
                </a:cubicBezTo>
                <a:cubicBezTo>
                  <a:pt x="4564096" y="1903412"/>
                  <a:pt x="4564096" y="1903412"/>
                  <a:pt x="260315" y="1903412"/>
                </a:cubicBezTo>
                <a:cubicBezTo>
                  <a:pt x="152458" y="1903412"/>
                  <a:pt x="59959" y="1837835"/>
                  <a:pt x="20450" y="1744339"/>
                </a:cubicBezTo>
                <a:lnTo>
                  <a:pt x="0" y="1642937"/>
                </a:lnTo>
                <a:lnTo>
                  <a:pt x="0" y="260474"/>
                </a:lnTo>
                <a:lnTo>
                  <a:pt x="20450" y="159072"/>
                </a:lnTo>
                <a:cubicBezTo>
                  <a:pt x="53374" y="81158"/>
                  <a:pt x="123097" y="22634"/>
                  <a:pt x="207841" y="5289"/>
                </a:cubicBezTo>
                <a:close/>
              </a:path>
            </a:pathLst>
          </a:custGeom>
          <a:solidFill>
            <a:srgbClr val="9AA3F9">
              <a:alpha val="20000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Tx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0" lvl="0" indent="-46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SzPct val="120000"/>
              <a:buFontTx/>
              <a:buNone/>
            </a:pPr>
            <a:r>
              <a:rPr lang="en-GB" dirty="0"/>
              <a:t> </a:t>
            </a:r>
          </a:p>
        </p:txBody>
      </p:sp>
      <p:sp>
        <p:nvSpPr>
          <p:cNvPr id="55" name="Frame 4">
            <a:extLst>
              <a:ext uri="{FF2B5EF4-FFF2-40B4-BE49-F238E27FC236}">
                <a16:creationId xmlns:a16="http://schemas.microsoft.com/office/drawing/2014/main" id="{35C1D289-D4B8-5933-EA50-82600ECC5543}"/>
              </a:ext>
            </a:extLst>
          </p:cNvPr>
          <p:cNvSpPr>
            <a:spLocks noGrp="1" noSelect="1"/>
          </p:cNvSpPr>
          <p:nvPr>
            <p:ph type="body" sz="quarter" idx="1022" hasCustomPrompt="1"/>
          </p:nvPr>
        </p:nvSpPr>
        <p:spPr>
          <a:xfrm>
            <a:off x="6299201" y="3570289"/>
            <a:ext cx="4824412" cy="1903412"/>
          </a:xfrm>
          <a:custGeom>
            <a:avLst/>
            <a:gdLst>
              <a:gd name="connsiteX0" fmla="*/ 259036 w 4824412"/>
              <a:gd name="connsiteY0" fmla="*/ 0 h 1903412"/>
              <a:gd name="connsiteX1" fmla="*/ 4565375 w 4824412"/>
              <a:gd name="connsiteY1" fmla="*/ 0 h 1903412"/>
              <a:gd name="connsiteX2" fmla="*/ 4617603 w 4824412"/>
              <a:gd name="connsiteY2" fmla="*/ 5498 h 1903412"/>
              <a:gd name="connsiteX3" fmla="*/ 4824412 w 4824412"/>
              <a:gd name="connsiteY3" fmla="*/ 260480 h 1903412"/>
              <a:gd name="connsiteX4" fmla="*/ 4824412 w 4824412"/>
              <a:gd name="connsiteY4" fmla="*/ 1642932 h 1903412"/>
              <a:gd name="connsiteX5" fmla="*/ 4564096 w 4824412"/>
              <a:gd name="connsiteY5" fmla="*/ 1903412 h 1903412"/>
              <a:gd name="connsiteX6" fmla="*/ 260315 w 4824412"/>
              <a:gd name="connsiteY6" fmla="*/ 1903412 h 1903412"/>
              <a:gd name="connsiteX7" fmla="*/ 20763 w 4824412"/>
              <a:gd name="connsiteY7" fmla="*/ 1745144 h 1903412"/>
              <a:gd name="connsiteX8" fmla="*/ 0 w 4824412"/>
              <a:gd name="connsiteY8" fmla="*/ 1644207 h 1903412"/>
              <a:gd name="connsiteX9" fmla="*/ 0 w 4824412"/>
              <a:gd name="connsiteY9" fmla="*/ 259522 h 1903412"/>
              <a:gd name="connsiteX10" fmla="*/ 20654 w 4824412"/>
              <a:gd name="connsiteY10" fmla="*/ 158759 h 1903412"/>
              <a:gd name="connsiteX11" fmla="*/ 206925 w 4824412"/>
              <a:gd name="connsiteY11" fmla="*/ 5470 h 190341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4824412" h="1903412">
                <a:moveTo>
                  <a:pt x="259036" y="0"/>
                </a:moveTo>
                <a:lnTo>
                  <a:pt x="4565375" y="0"/>
                </a:lnTo>
                <a:lnTo>
                  <a:pt x="4617603" y="5498"/>
                </a:lnTo>
                <a:cubicBezTo>
                  <a:pt x="4735697" y="30197"/>
                  <a:pt x="4824412" y="135123"/>
                  <a:pt x="4824412" y="260480"/>
                </a:cubicBezTo>
                <a:cubicBezTo>
                  <a:pt x="4824412" y="260480"/>
                  <a:pt x="4824412" y="260480"/>
                  <a:pt x="4824412" y="1642932"/>
                </a:cubicBezTo>
                <a:cubicBezTo>
                  <a:pt x="4824412" y="1786831"/>
                  <a:pt x="4707905" y="1903412"/>
                  <a:pt x="4564096" y="1903412"/>
                </a:cubicBezTo>
                <a:cubicBezTo>
                  <a:pt x="4564096" y="1903412"/>
                  <a:pt x="4564096" y="1903412"/>
                  <a:pt x="260315" y="1903412"/>
                </a:cubicBezTo>
                <a:cubicBezTo>
                  <a:pt x="152697" y="1903412"/>
                  <a:pt x="60435" y="1838193"/>
                  <a:pt x="20763" y="1745144"/>
                </a:cubicBezTo>
                <a:lnTo>
                  <a:pt x="0" y="1644207"/>
                </a:lnTo>
                <a:lnTo>
                  <a:pt x="0" y="259522"/>
                </a:lnTo>
                <a:lnTo>
                  <a:pt x="20654" y="158759"/>
                </a:lnTo>
                <a:cubicBezTo>
                  <a:pt x="53541" y="81305"/>
                  <a:pt x="122761" y="23022"/>
                  <a:pt x="206925" y="5470"/>
                </a:cubicBezTo>
                <a:close/>
              </a:path>
            </a:pathLst>
          </a:custGeom>
          <a:solidFill>
            <a:srgbClr val="9AA3F9">
              <a:alpha val="20000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Tx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0" lvl="0" indent="-46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SzPct val="120000"/>
              <a:buFontTx/>
              <a:buNone/>
            </a:pPr>
            <a:r>
              <a:rPr lang="en-GB" dirty="0"/>
              <a:t> </a:t>
            </a:r>
          </a:p>
        </p:txBody>
      </p:sp>
      <p:sp>
        <p:nvSpPr>
          <p:cNvPr id="54" name="Picture placeholder JU 5 [PHJU]">
            <a:extLst>
              <a:ext uri="{FF2B5EF4-FFF2-40B4-BE49-F238E27FC236}">
                <a16:creationId xmlns:a16="http://schemas.microsoft.com/office/drawing/2014/main" id="{06B4EBA8-5C7E-FA82-7C73-896F3AE5E930}"/>
              </a:ext>
            </a:extLst>
          </p:cNvPr>
          <p:cNvSpPr>
            <a:spLocks noGrp="1" noSelect="1" noChangeArrowheads="1"/>
          </p:cNvSpPr>
          <p:nvPr userDrawn="1">
            <p:ph type="pic" idx="1000" hasCustomPrompt="1"/>
            <p:custDataLst>
              <p:custData r:id="rId1"/>
            </p:custDataLst>
          </p:nvPr>
        </p:nvSpPr>
        <p:spPr bwMode="auto">
          <a:xfrm>
            <a:off x="1304924" y="1587499"/>
            <a:ext cx="1495426" cy="1495426"/>
          </a:xfrm>
          <a:custGeom>
            <a:avLst/>
            <a:gdLst>
              <a:gd name="connsiteX0" fmla="*/ 747713 w 1495426"/>
              <a:gd name="connsiteY0" fmla="*/ 0 h 1495426"/>
              <a:gd name="connsiteX1" fmla="*/ 1495426 w 1495426"/>
              <a:gd name="connsiteY1" fmla="*/ 747713 h 1495426"/>
              <a:gd name="connsiteX2" fmla="*/ 747713 w 1495426"/>
              <a:gd name="connsiteY2" fmla="*/ 1495426 h 1495426"/>
              <a:gd name="connsiteX3" fmla="*/ 0 w 1495426"/>
              <a:gd name="connsiteY3" fmla="*/ 747713 h 1495426"/>
              <a:gd name="connsiteX4" fmla="*/ 747713 w 1495426"/>
              <a:gd name="connsiteY4" fmla="*/ 0 h 14954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495426" h="1495426">
                <a:moveTo>
                  <a:pt x="747713" y="0"/>
                </a:moveTo>
                <a:cubicBezTo>
                  <a:pt x="1160663" y="0"/>
                  <a:pt x="1495426" y="334763"/>
                  <a:pt x="1495426" y="747713"/>
                </a:cubicBezTo>
                <a:cubicBezTo>
                  <a:pt x="1495426" y="1160663"/>
                  <a:pt x="1160663" y="1495426"/>
                  <a:pt x="747713" y="1495426"/>
                </a:cubicBezTo>
                <a:cubicBezTo>
                  <a:pt x="334763" y="1495426"/>
                  <a:pt x="0" y="1160663"/>
                  <a:pt x="0" y="747713"/>
                </a:cubicBezTo>
                <a:cubicBezTo>
                  <a:pt x="0" y="334763"/>
                  <a:pt x="334763" y="0"/>
                  <a:pt x="747713" y="0"/>
                </a:cubicBezTo>
                <a:close/>
              </a:path>
            </a:pathLst>
          </a:custGeom>
          <a:noFill/>
          <a:ln>
            <a:noFill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>
            <a:lvl1pPr marL="0" indent="0" algn="ctr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/>
            </a:lvl1pPr>
          </a:lstStyle>
          <a:p>
            <a:r>
              <a:rPr lang="en-GB"/>
              <a:t>[Picture]</a:t>
            </a:r>
            <a:endParaRPr lang="en-GB" dirty="0"/>
          </a:p>
        </p:txBody>
      </p:sp>
      <p:sp>
        <p:nvSpPr>
          <p:cNvPr id="51" name="Picture placeholder JU 6 [PHJU]">
            <a:extLst>
              <a:ext uri="{FF2B5EF4-FFF2-40B4-BE49-F238E27FC236}">
                <a16:creationId xmlns:a16="http://schemas.microsoft.com/office/drawing/2014/main" id="{74FB6F46-CC90-76D0-A8AD-D22E903C19FF}"/>
              </a:ext>
            </a:extLst>
          </p:cNvPr>
          <p:cNvSpPr>
            <a:spLocks noGrp="1" noSelect="1" noChangeArrowheads="1"/>
          </p:cNvSpPr>
          <p:nvPr userDrawn="1">
            <p:ph type="pic" idx="1001" hasCustomPrompt="1"/>
            <p:custDataLst>
              <p:custData r:id="rId2"/>
            </p:custDataLst>
          </p:nvPr>
        </p:nvSpPr>
        <p:spPr bwMode="auto">
          <a:xfrm>
            <a:off x="6506999" y="3745079"/>
            <a:ext cx="1495440" cy="1495440"/>
          </a:xfrm>
          <a:custGeom>
            <a:avLst/>
            <a:gdLst>
              <a:gd name="connsiteX0" fmla="*/ 747720 w 1495440"/>
              <a:gd name="connsiteY0" fmla="*/ 0 h 1495440"/>
              <a:gd name="connsiteX1" fmla="*/ 1495440 w 1495440"/>
              <a:gd name="connsiteY1" fmla="*/ 747720 h 1495440"/>
              <a:gd name="connsiteX2" fmla="*/ 747720 w 1495440"/>
              <a:gd name="connsiteY2" fmla="*/ 1495440 h 1495440"/>
              <a:gd name="connsiteX3" fmla="*/ 0 w 1495440"/>
              <a:gd name="connsiteY3" fmla="*/ 747720 h 1495440"/>
              <a:gd name="connsiteX4" fmla="*/ 747720 w 1495440"/>
              <a:gd name="connsiteY4" fmla="*/ 0 h 149544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495440" h="1495440">
                <a:moveTo>
                  <a:pt x="747720" y="0"/>
                </a:moveTo>
                <a:cubicBezTo>
                  <a:pt x="1160674" y="0"/>
                  <a:pt x="1495440" y="334766"/>
                  <a:pt x="1495440" y="747720"/>
                </a:cubicBezTo>
                <a:cubicBezTo>
                  <a:pt x="1495440" y="1160674"/>
                  <a:pt x="1160674" y="1495440"/>
                  <a:pt x="747720" y="1495440"/>
                </a:cubicBezTo>
                <a:cubicBezTo>
                  <a:pt x="334766" y="1495440"/>
                  <a:pt x="0" y="1160674"/>
                  <a:pt x="0" y="747720"/>
                </a:cubicBezTo>
                <a:cubicBezTo>
                  <a:pt x="0" y="334766"/>
                  <a:pt x="334766" y="0"/>
                  <a:pt x="747720" y="0"/>
                </a:cubicBezTo>
                <a:close/>
              </a:path>
            </a:pathLst>
          </a:custGeom>
          <a:noFill/>
          <a:ln>
            <a:noFill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>
            <a:lvl1pPr marL="0" indent="0" algn="ctr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/>
            </a:lvl1pPr>
          </a:lstStyle>
          <a:p>
            <a:r>
              <a:rPr lang="en-GB"/>
              <a:t>[Picture]</a:t>
            </a:r>
            <a:endParaRPr lang="en-GB" dirty="0"/>
          </a:p>
        </p:txBody>
      </p:sp>
      <p:sp>
        <p:nvSpPr>
          <p:cNvPr id="48" name="Picture placeholder JU 7 [PHJU]">
            <a:extLst>
              <a:ext uri="{FF2B5EF4-FFF2-40B4-BE49-F238E27FC236}">
                <a16:creationId xmlns:a16="http://schemas.microsoft.com/office/drawing/2014/main" id="{D5A4A65B-2286-6CB8-7242-86A1D5A79F51}"/>
              </a:ext>
            </a:extLst>
          </p:cNvPr>
          <p:cNvSpPr>
            <a:spLocks noGrp="1" noSelect="1" noChangeArrowheads="1"/>
          </p:cNvSpPr>
          <p:nvPr userDrawn="1">
            <p:ph type="pic" idx="1002" hasCustomPrompt="1"/>
            <p:custDataLst>
              <p:custData r:id="rId3"/>
            </p:custDataLst>
          </p:nvPr>
        </p:nvSpPr>
        <p:spPr bwMode="auto">
          <a:xfrm>
            <a:off x="1304999" y="3740039"/>
            <a:ext cx="1495440" cy="1495440"/>
          </a:xfrm>
          <a:custGeom>
            <a:avLst/>
            <a:gdLst>
              <a:gd name="connsiteX0" fmla="*/ 747720 w 1495440"/>
              <a:gd name="connsiteY0" fmla="*/ 0 h 1495440"/>
              <a:gd name="connsiteX1" fmla="*/ 1495440 w 1495440"/>
              <a:gd name="connsiteY1" fmla="*/ 747720 h 1495440"/>
              <a:gd name="connsiteX2" fmla="*/ 747720 w 1495440"/>
              <a:gd name="connsiteY2" fmla="*/ 1495440 h 1495440"/>
              <a:gd name="connsiteX3" fmla="*/ 0 w 1495440"/>
              <a:gd name="connsiteY3" fmla="*/ 747720 h 1495440"/>
              <a:gd name="connsiteX4" fmla="*/ 747720 w 1495440"/>
              <a:gd name="connsiteY4" fmla="*/ 0 h 149544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495440" h="1495440">
                <a:moveTo>
                  <a:pt x="747720" y="0"/>
                </a:moveTo>
                <a:cubicBezTo>
                  <a:pt x="1160674" y="0"/>
                  <a:pt x="1495440" y="334766"/>
                  <a:pt x="1495440" y="747720"/>
                </a:cubicBezTo>
                <a:cubicBezTo>
                  <a:pt x="1495440" y="1160674"/>
                  <a:pt x="1160674" y="1495440"/>
                  <a:pt x="747720" y="1495440"/>
                </a:cubicBezTo>
                <a:cubicBezTo>
                  <a:pt x="334766" y="1495440"/>
                  <a:pt x="0" y="1160674"/>
                  <a:pt x="0" y="747720"/>
                </a:cubicBezTo>
                <a:cubicBezTo>
                  <a:pt x="0" y="334766"/>
                  <a:pt x="334766" y="0"/>
                  <a:pt x="747720" y="0"/>
                </a:cubicBezTo>
                <a:close/>
              </a:path>
            </a:pathLst>
          </a:custGeom>
          <a:noFill/>
          <a:ln>
            <a:noFill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>
            <a:lvl1pPr marL="0" indent="0" algn="ctr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/>
            </a:lvl1pPr>
          </a:lstStyle>
          <a:p>
            <a:r>
              <a:rPr lang="en-GB"/>
              <a:t>[Picture]</a:t>
            </a:r>
            <a:endParaRPr lang="en-GB" dirty="0"/>
          </a:p>
        </p:txBody>
      </p:sp>
      <p:sp>
        <p:nvSpPr>
          <p:cNvPr id="45" name="Picture placeholder JU 8 [PHJU]">
            <a:extLst>
              <a:ext uri="{FF2B5EF4-FFF2-40B4-BE49-F238E27FC236}">
                <a16:creationId xmlns:a16="http://schemas.microsoft.com/office/drawing/2014/main" id="{F07982CD-9F6D-325C-09DA-DA655FDC0A21}"/>
              </a:ext>
            </a:extLst>
          </p:cNvPr>
          <p:cNvSpPr>
            <a:spLocks noGrp="1" noSelect="1" noChangeArrowheads="1"/>
          </p:cNvSpPr>
          <p:nvPr userDrawn="1">
            <p:ph type="pic" idx="1003" hasCustomPrompt="1"/>
            <p:custDataLst>
              <p:custData r:id="rId4"/>
            </p:custDataLst>
          </p:nvPr>
        </p:nvSpPr>
        <p:spPr bwMode="auto">
          <a:xfrm>
            <a:off x="6506999" y="1592279"/>
            <a:ext cx="1495440" cy="1495440"/>
          </a:xfrm>
          <a:custGeom>
            <a:avLst/>
            <a:gdLst>
              <a:gd name="connsiteX0" fmla="*/ 747720 w 1495440"/>
              <a:gd name="connsiteY0" fmla="*/ 0 h 1495440"/>
              <a:gd name="connsiteX1" fmla="*/ 1495440 w 1495440"/>
              <a:gd name="connsiteY1" fmla="*/ 747720 h 1495440"/>
              <a:gd name="connsiteX2" fmla="*/ 747720 w 1495440"/>
              <a:gd name="connsiteY2" fmla="*/ 1495440 h 1495440"/>
              <a:gd name="connsiteX3" fmla="*/ 0 w 1495440"/>
              <a:gd name="connsiteY3" fmla="*/ 747720 h 1495440"/>
              <a:gd name="connsiteX4" fmla="*/ 747720 w 1495440"/>
              <a:gd name="connsiteY4" fmla="*/ 0 h 149544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495440" h="1495440">
                <a:moveTo>
                  <a:pt x="747720" y="0"/>
                </a:moveTo>
                <a:cubicBezTo>
                  <a:pt x="1160674" y="0"/>
                  <a:pt x="1495440" y="334766"/>
                  <a:pt x="1495440" y="747720"/>
                </a:cubicBezTo>
                <a:cubicBezTo>
                  <a:pt x="1495440" y="1160674"/>
                  <a:pt x="1160674" y="1495440"/>
                  <a:pt x="747720" y="1495440"/>
                </a:cubicBezTo>
                <a:cubicBezTo>
                  <a:pt x="334766" y="1495440"/>
                  <a:pt x="0" y="1160674"/>
                  <a:pt x="0" y="747720"/>
                </a:cubicBezTo>
                <a:cubicBezTo>
                  <a:pt x="0" y="334766"/>
                  <a:pt x="334766" y="0"/>
                  <a:pt x="747720" y="0"/>
                </a:cubicBezTo>
                <a:close/>
              </a:path>
            </a:pathLst>
          </a:custGeom>
          <a:noFill/>
          <a:ln>
            <a:noFill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>
            <a:lvl1pPr marL="0" indent="0" algn="ctr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/>
            </a:lvl1pPr>
          </a:lstStyle>
          <a:p>
            <a:r>
              <a:rPr lang="en-GB"/>
              <a:t>[Picture]</a:t>
            </a:r>
            <a:endParaRPr lang="en-GB" dirty="0"/>
          </a:p>
        </p:txBody>
      </p:sp>
      <p:sp>
        <p:nvSpPr>
          <p:cNvPr id="15" name="Frame text 9 [PHJU] (JU-Free)">
            <a:extLst>
              <a:ext uri="{FF2B5EF4-FFF2-40B4-BE49-F238E27FC236}">
                <a16:creationId xmlns:a16="http://schemas.microsoft.com/office/drawing/2014/main" id="{2E6686A8-E9E5-6FEB-FAB0-9A3FC00E2BD1}"/>
              </a:ext>
            </a:extLst>
          </p:cNvPr>
          <p:cNvSpPr>
            <a:spLocks noGrp="1"/>
          </p:cNvSpPr>
          <p:nvPr userDrawn="1">
            <p:ph type="body" sz="quarter" idx="18" hasCustomPrompt="1"/>
          </p:nvPr>
        </p:nvSpPr>
        <p:spPr>
          <a:xfrm>
            <a:off x="3074356" y="1694727"/>
            <a:ext cx="2546222" cy="225563"/>
          </a:xfrm>
        </p:spPr>
        <p:txBody>
          <a:bodyPr/>
          <a:lstStyle>
            <a:lvl1pPr marL="0" indent="0" algn="l">
              <a:lnSpc>
                <a:spcPct val="120000"/>
              </a:lnSpc>
              <a:buFont typeface="Arial" panose="020B0604020202020204" pitchFamily="34" charset="0"/>
              <a:buNone/>
              <a:defRPr sz="1400">
                <a:solidFill>
                  <a:srgbClr val="000000"/>
                </a:solidFill>
                <a:latin typeface="Maison Neue Bold" panose="020B0804040000000000" pitchFamily="34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 dirty="0"/>
              <a:t>[Name]</a:t>
            </a:r>
          </a:p>
          <a:p>
            <a:pPr lvl="0"/>
            <a:r>
              <a:rPr lang="en-GB" dirty="0"/>
              <a:t>JU-LEVEL1=Standard</a:t>
            </a:r>
          </a:p>
        </p:txBody>
      </p:sp>
      <p:sp>
        <p:nvSpPr>
          <p:cNvPr id="16" name="Frame text 10 [PHJU] (JU-Free)">
            <a:extLst>
              <a:ext uri="{FF2B5EF4-FFF2-40B4-BE49-F238E27FC236}">
                <a16:creationId xmlns:a16="http://schemas.microsoft.com/office/drawing/2014/main" id="{6436DD6E-D701-4DAB-18A0-491BDB0E3104}"/>
              </a:ext>
            </a:extLst>
          </p:cNvPr>
          <p:cNvSpPr>
            <a:spLocks noGrp="1"/>
          </p:cNvSpPr>
          <p:nvPr userDrawn="1">
            <p:ph type="body" sz="quarter" idx="1004" hasCustomPrompt="1"/>
          </p:nvPr>
        </p:nvSpPr>
        <p:spPr>
          <a:xfrm>
            <a:off x="3074356" y="1953766"/>
            <a:ext cx="2546222" cy="225563"/>
          </a:xfrm>
        </p:spPr>
        <p:txBody>
          <a:bodyPr/>
          <a:lstStyle>
            <a:lvl1pPr marL="0" indent="0" algn="l">
              <a:lnSpc>
                <a:spcPct val="120000"/>
              </a:lnSpc>
              <a:buFont typeface="Arial" panose="020B0604020202020204" pitchFamily="34" charset="0"/>
              <a:buNone/>
              <a:defRPr sz="1400">
                <a:solidFill>
                  <a:srgbClr val="0800FE"/>
                </a:solidFill>
                <a:latin typeface="Maison Neue Bold" panose="020B0804040000000000" pitchFamily="34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Function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7" name="Frame text 11 [PHJU] (JU-Free)">
            <a:extLst>
              <a:ext uri="{FF2B5EF4-FFF2-40B4-BE49-F238E27FC236}">
                <a16:creationId xmlns:a16="http://schemas.microsoft.com/office/drawing/2014/main" id="{F9D7CAE3-2BF6-5C08-6DC3-98797C1C3AEA}"/>
              </a:ext>
            </a:extLst>
          </p:cNvPr>
          <p:cNvSpPr>
            <a:spLocks noGrp="1"/>
          </p:cNvSpPr>
          <p:nvPr>
            <p:ph type="body" sz="quarter" idx="1005" hasCustomPrompt="1"/>
          </p:nvPr>
        </p:nvSpPr>
        <p:spPr>
          <a:xfrm>
            <a:off x="3074399" y="2461904"/>
            <a:ext cx="2546280" cy="225563"/>
          </a:xfrm>
        </p:spPr>
        <p:txBody>
          <a:bodyPr/>
          <a:lstStyle>
            <a:lvl1pPr marL="0" indent="0" algn="l">
              <a:lnSpc>
                <a:spcPct val="120000"/>
              </a:lnSpc>
              <a:buFont typeface="Arial" panose="020B0604020202020204" pitchFamily="34" charset="0"/>
              <a:buNone/>
              <a:defRPr sz="1400">
                <a:solidFill>
                  <a:srgbClr val="000000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 dirty="0"/>
              <a:t>[E: E-mail]</a:t>
            </a:r>
          </a:p>
          <a:p>
            <a:pPr lvl="0"/>
            <a:r>
              <a:rPr lang="en-GB" dirty="0"/>
              <a:t>JU-LEVEL1=Standard</a:t>
            </a:r>
          </a:p>
        </p:txBody>
      </p:sp>
      <p:sp>
        <p:nvSpPr>
          <p:cNvPr id="19" name="Placeholder 12 [PHJU] (JU-Free)">
            <a:extLst>
              <a:ext uri="{FF2B5EF4-FFF2-40B4-BE49-F238E27FC236}">
                <a16:creationId xmlns:a16="http://schemas.microsoft.com/office/drawing/2014/main" id="{3D1A1DF5-7B78-2843-27CF-3174E35C141C}"/>
              </a:ext>
            </a:extLst>
          </p:cNvPr>
          <p:cNvSpPr>
            <a:spLocks noGrp="1"/>
          </p:cNvSpPr>
          <p:nvPr userDrawn="1">
            <p:ph type="body" sz="quarter" idx="1006" hasCustomPrompt="1"/>
          </p:nvPr>
        </p:nvSpPr>
        <p:spPr>
          <a:xfrm>
            <a:off x="3074399" y="2720496"/>
            <a:ext cx="2546280" cy="225563"/>
          </a:xfrm>
        </p:spPr>
        <p:txBody>
          <a:bodyPr/>
          <a:lstStyle>
            <a:lvl1pPr marL="0" indent="0" algn="l">
              <a:lnSpc>
                <a:spcPct val="120000"/>
              </a:lnSpc>
              <a:buFont typeface="Arial" panose="020B0604020202020204" pitchFamily="34" charset="0"/>
              <a:buNone/>
              <a:defRPr sz="1400">
                <a:solidFill>
                  <a:srgbClr val="000000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T: Phone number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22" name="Frame text 13 [PHJU] (JU-Free)">
            <a:extLst>
              <a:ext uri="{FF2B5EF4-FFF2-40B4-BE49-F238E27FC236}">
                <a16:creationId xmlns:a16="http://schemas.microsoft.com/office/drawing/2014/main" id="{7BA740FE-42AE-9EB3-FD82-6FEA2EABB40F}"/>
              </a:ext>
            </a:extLst>
          </p:cNvPr>
          <p:cNvSpPr>
            <a:spLocks noGrp="1"/>
          </p:cNvSpPr>
          <p:nvPr userDrawn="1">
            <p:ph type="body" sz="quarter" idx="1007" hasCustomPrompt="1"/>
          </p:nvPr>
        </p:nvSpPr>
        <p:spPr>
          <a:xfrm>
            <a:off x="8215392" y="1699697"/>
            <a:ext cx="2546222" cy="225563"/>
          </a:xfrm>
        </p:spPr>
        <p:txBody>
          <a:bodyPr/>
          <a:lstStyle>
            <a:lvl1pPr marL="0" indent="0" algn="l">
              <a:lnSpc>
                <a:spcPct val="120000"/>
              </a:lnSpc>
              <a:buFont typeface="Arial" panose="020B0604020202020204" pitchFamily="34" charset="0"/>
              <a:buNone/>
              <a:defRPr sz="1400">
                <a:solidFill>
                  <a:srgbClr val="000000"/>
                </a:solidFill>
                <a:latin typeface="Maison Neue Bold" panose="020B0804040000000000" pitchFamily="34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 dirty="0"/>
              <a:t>[Name]</a:t>
            </a:r>
          </a:p>
          <a:p>
            <a:pPr lvl="0"/>
            <a:r>
              <a:rPr lang="en-GB" dirty="0"/>
              <a:t>JU-LEVEL1=Standard</a:t>
            </a:r>
          </a:p>
        </p:txBody>
      </p:sp>
      <p:sp>
        <p:nvSpPr>
          <p:cNvPr id="23" name="Frame text 14 [PHJU] (JU-Free)">
            <a:extLst>
              <a:ext uri="{FF2B5EF4-FFF2-40B4-BE49-F238E27FC236}">
                <a16:creationId xmlns:a16="http://schemas.microsoft.com/office/drawing/2014/main" id="{6CED3E14-7859-C7C1-5C4D-55636E58328A}"/>
              </a:ext>
            </a:extLst>
          </p:cNvPr>
          <p:cNvSpPr>
            <a:spLocks noGrp="1"/>
          </p:cNvSpPr>
          <p:nvPr userDrawn="1">
            <p:ph type="body" sz="quarter" idx="1008" hasCustomPrompt="1"/>
          </p:nvPr>
        </p:nvSpPr>
        <p:spPr>
          <a:xfrm>
            <a:off x="8215392" y="1958736"/>
            <a:ext cx="2546222" cy="225563"/>
          </a:xfrm>
        </p:spPr>
        <p:txBody>
          <a:bodyPr/>
          <a:lstStyle>
            <a:lvl1pPr marL="0" indent="0" algn="l">
              <a:lnSpc>
                <a:spcPct val="120000"/>
              </a:lnSpc>
              <a:buFont typeface="Arial" panose="020B0604020202020204" pitchFamily="34" charset="0"/>
              <a:buNone/>
              <a:defRPr sz="1400">
                <a:solidFill>
                  <a:srgbClr val="0800FE"/>
                </a:solidFill>
                <a:latin typeface="Maison Neue Bold" panose="020B0804040000000000" pitchFamily="34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Function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24" name="Frame text 15 [PHJU] (JU-Free)">
            <a:extLst>
              <a:ext uri="{FF2B5EF4-FFF2-40B4-BE49-F238E27FC236}">
                <a16:creationId xmlns:a16="http://schemas.microsoft.com/office/drawing/2014/main" id="{841359FC-E6D6-41D3-202A-D121395C211B}"/>
              </a:ext>
            </a:extLst>
          </p:cNvPr>
          <p:cNvSpPr>
            <a:spLocks noGrp="1"/>
          </p:cNvSpPr>
          <p:nvPr userDrawn="1">
            <p:ph type="body" sz="quarter" idx="1009" hasCustomPrompt="1"/>
          </p:nvPr>
        </p:nvSpPr>
        <p:spPr>
          <a:xfrm>
            <a:off x="8215558" y="2466874"/>
            <a:ext cx="2546280" cy="225563"/>
          </a:xfrm>
        </p:spPr>
        <p:txBody>
          <a:bodyPr/>
          <a:lstStyle>
            <a:lvl1pPr marL="0" indent="0" algn="l">
              <a:lnSpc>
                <a:spcPct val="120000"/>
              </a:lnSpc>
              <a:buFont typeface="Arial" panose="020B0604020202020204" pitchFamily="34" charset="0"/>
              <a:buNone/>
              <a:defRPr sz="1400">
                <a:solidFill>
                  <a:srgbClr val="000000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E: E-mail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25" name="Frame text 16 [PHJU] (JU-Free)">
            <a:extLst>
              <a:ext uri="{FF2B5EF4-FFF2-40B4-BE49-F238E27FC236}">
                <a16:creationId xmlns:a16="http://schemas.microsoft.com/office/drawing/2014/main" id="{AA4E2F77-965C-DE90-7165-3BB5DF01CA6C}"/>
              </a:ext>
            </a:extLst>
          </p:cNvPr>
          <p:cNvSpPr>
            <a:spLocks noGrp="1"/>
          </p:cNvSpPr>
          <p:nvPr userDrawn="1">
            <p:ph type="body" sz="quarter" idx="1010" hasCustomPrompt="1"/>
          </p:nvPr>
        </p:nvSpPr>
        <p:spPr>
          <a:xfrm>
            <a:off x="8215558" y="2725466"/>
            <a:ext cx="2546280" cy="225563"/>
          </a:xfrm>
        </p:spPr>
        <p:txBody>
          <a:bodyPr/>
          <a:lstStyle>
            <a:lvl1pPr marL="0" indent="0" algn="l">
              <a:lnSpc>
                <a:spcPct val="120000"/>
              </a:lnSpc>
              <a:buFont typeface="Arial" panose="020B0604020202020204" pitchFamily="34" charset="0"/>
              <a:buNone/>
              <a:defRPr sz="1400">
                <a:solidFill>
                  <a:srgbClr val="000000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T: Phone number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30" name="Frame text 17 [PHJU] (JU-Free)">
            <a:extLst>
              <a:ext uri="{FF2B5EF4-FFF2-40B4-BE49-F238E27FC236}">
                <a16:creationId xmlns:a16="http://schemas.microsoft.com/office/drawing/2014/main" id="{BC53287B-7302-97CB-B9F4-6DBF36D8970B}"/>
              </a:ext>
            </a:extLst>
          </p:cNvPr>
          <p:cNvSpPr>
            <a:spLocks noGrp="1"/>
          </p:cNvSpPr>
          <p:nvPr userDrawn="1">
            <p:ph type="body" sz="quarter" idx="1011" hasCustomPrompt="1"/>
          </p:nvPr>
        </p:nvSpPr>
        <p:spPr>
          <a:xfrm>
            <a:off x="3074172" y="3853909"/>
            <a:ext cx="2546222" cy="225563"/>
          </a:xfrm>
        </p:spPr>
        <p:txBody>
          <a:bodyPr/>
          <a:lstStyle>
            <a:lvl1pPr marL="0" indent="0" algn="l">
              <a:lnSpc>
                <a:spcPct val="120000"/>
              </a:lnSpc>
              <a:buFont typeface="Arial" panose="020B0604020202020204" pitchFamily="34" charset="0"/>
              <a:buNone/>
              <a:defRPr sz="1400">
                <a:solidFill>
                  <a:srgbClr val="000000"/>
                </a:solidFill>
                <a:latin typeface="Maison Neue Bold" panose="020B0804040000000000" pitchFamily="34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Name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31" name="Frame text 18 [PHJU] (JU-Free)">
            <a:extLst>
              <a:ext uri="{FF2B5EF4-FFF2-40B4-BE49-F238E27FC236}">
                <a16:creationId xmlns:a16="http://schemas.microsoft.com/office/drawing/2014/main" id="{3CFFF5D2-583D-A2F3-D25C-57BE2685471F}"/>
              </a:ext>
            </a:extLst>
          </p:cNvPr>
          <p:cNvSpPr>
            <a:spLocks noGrp="1"/>
          </p:cNvSpPr>
          <p:nvPr userDrawn="1">
            <p:ph type="body" sz="quarter" idx="1012" hasCustomPrompt="1"/>
          </p:nvPr>
        </p:nvSpPr>
        <p:spPr>
          <a:xfrm>
            <a:off x="3074172" y="4112948"/>
            <a:ext cx="2546222" cy="225563"/>
          </a:xfrm>
        </p:spPr>
        <p:txBody>
          <a:bodyPr/>
          <a:lstStyle>
            <a:lvl1pPr marL="0" indent="0" algn="l">
              <a:lnSpc>
                <a:spcPct val="120000"/>
              </a:lnSpc>
              <a:buFont typeface="Arial" panose="020B0604020202020204" pitchFamily="34" charset="0"/>
              <a:buNone/>
              <a:defRPr sz="1400">
                <a:solidFill>
                  <a:srgbClr val="0800FE"/>
                </a:solidFill>
                <a:latin typeface="Maison Neue Bold" panose="020B0804040000000000" pitchFamily="34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Function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32" name="Frame text 19 [PHJU] (JU-Free)">
            <a:extLst>
              <a:ext uri="{FF2B5EF4-FFF2-40B4-BE49-F238E27FC236}">
                <a16:creationId xmlns:a16="http://schemas.microsoft.com/office/drawing/2014/main" id="{57A16750-A031-AA02-2B17-E751EC3C2470}"/>
              </a:ext>
            </a:extLst>
          </p:cNvPr>
          <p:cNvSpPr>
            <a:spLocks noGrp="1"/>
          </p:cNvSpPr>
          <p:nvPr userDrawn="1">
            <p:ph type="body" sz="quarter" idx="1013" hasCustomPrompt="1"/>
          </p:nvPr>
        </p:nvSpPr>
        <p:spPr>
          <a:xfrm>
            <a:off x="3074399" y="4621086"/>
            <a:ext cx="2546280" cy="225563"/>
          </a:xfrm>
        </p:spPr>
        <p:txBody>
          <a:bodyPr/>
          <a:lstStyle>
            <a:lvl1pPr marL="0" indent="0" algn="l">
              <a:lnSpc>
                <a:spcPct val="120000"/>
              </a:lnSpc>
              <a:buFont typeface="Arial" panose="020B0604020202020204" pitchFamily="34" charset="0"/>
              <a:buNone/>
              <a:defRPr sz="1400">
                <a:solidFill>
                  <a:srgbClr val="000000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E: E-mail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33" name="Frame text 20 [PHJU] (JU-Free)">
            <a:extLst>
              <a:ext uri="{FF2B5EF4-FFF2-40B4-BE49-F238E27FC236}">
                <a16:creationId xmlns:a16="http://schemas.microsoft.com/office/drawing/2014/main" id="{89443CF2-925F-AD94-C94F-76A119E65E53}"/>
              </a:ext>
            </a:extLst>
          </p:cNvPr>
          <p:cNvSpPr>
            <a:spLocks noGrp="1"/>
          </p:cNvSpPr>
          <p:nvPr userDrawn="1">
            <p:ph type="body" sz="quarter" idx="1014" hasCustomPrompt="1"/>
          </p:nvPr>
        </p:nvSpPr>
        <p:spPr>
          <a:xfrm>
            <a:off x="3074399" y="4879678"/>
            <a:ext cx="2546280" cy="225563"/>
          </a:xfrm>
        </p:spPr>
        <p:txBody>
          <a:bodyPr/>
          <a:lstStyle>
            <a:lvl1pPr marL="0" indent="0" algn="l">
              <a:lnSpc>
                <a:spcPct val="120000"/>
              </a:lnSpc>
              <a:buFont typeface="Arial" panose="020B0604020202020204" pitchFamily="34" charset="0"/>
              <a:buNone/>
              <a:defRPr sz="1400">
                <a:solidFill>
                  <a:srgbClr val="000000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T: Phone number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36" name="Frame text 21 [PHJU] (JU-Free)">
            <a:extLst>
              <a:ext uri="{FF2B5EF4-FFF2-40B4-BE49-F238E27FC236}">
                <a16:creationId xmlns:a16="http://schemas.microsoft.com/office/drawing/2014/main" id="{2B3A3176-DBA1-CB66-503C-E0D8B8053AD2}"/>
              </a:ext>
            </a:extLst>
          </p:cNvPr>
          <p:cNvSpPr>
            <a:spLocks noGrp="1"/>
          </p:cNvSpPr>
          <p:nvPr userDrawn="1">
            <p:ph type="body" sz="quarter" idx="1015" hasCustomPrompt="1"/>
          </p:nvPr>
        </p:nvSpPr>
        <p:spPr>
          <a:xfrm>
            <a:off x="8215391" y="3853909"/>
            <a:ext cx="2546222" cy="225563"/>
          </a:xfrm>
        </p:spPr>
        <p:txBody>
          <a:bodyPr/>
          <a:lstStyle>
            <a:lvl1pPr marL="0" indent="0" algn="l">
              <a:lnSpc>
                <a:spcPct val="120000"/>
              </a:lnSpc>
              <a:buFont typeface="Arial" panose="020B0604020202020204" pitchFamily="34" charset="0"/>
              <a:buNone/>
              <a:defRPr sz="1400">
                <a:solidFill>
                  <a:srgbClr val="000000"/>
                </a:solidFill>
                <a:latin typeface="Maison Neue Bold" panose="020B0804040000000000" pitchFamily="34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Name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37" name="Frame text 22 [PHJU] (JU-Free)">
            <a:extLst>
              <a:ext uri="{FF2B5EF4-FFF2-40B4-BE49-F238E27FC236}">
                <a16:creationId xmlns:a16="http://schemas.microsoft.com/office/drawing/2014/main" id="{D0148D45-F5FF-75BB-33C2-65B686EF00F3}"/>
              </a:ext>
            </a:extLst>
          </p:cNvPr>
          <p:cNvSpPr>
            <a:spLocks noGrp="1"/>
          </p:cNvSpPr>
          <p:nvPr userDrawn="1">
            <p:ph type="body" sz="quarter" idx="1016" hasCustomPrompt="1"/>
          </p:nvPr>
        </p:nvSpPr>
        <p:spPr>
          <a:xfrm>
            <a:off x="8215391" y="4112948"/>
            <a:ext cx="2546222" cy="225563"/>
          </a:xfrm>
        </p:spPr>
        <p:txBody>
          <a:bodyPr/>
          <a:lstStyle>
            <a:lvl1pPr marL="0" indent="0" algn="l">
              <a:lnSpc>
                <a:spcPct val="120000"/>
              </a:lnSpc>
              <a:buFont typeface="Arial" panose="020B0604020202020204" pitchFamily="34" charset="0"/>
              <a:buNone/>
              <a:defRPr sz="1400">
                <a:solidFill>
                  <a:srgbClr val="0800FE"/>
                </a:solidFill>
                <a:latin typeface="Maison Neue Bold" panose="020B0804040000000000" pitchFamily="34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Function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38" name="Frame text 23 [PHJU] (JU-Free)">
            <a:extLst>
              <a:ext uri="{FF2B5EF4-FFF2-40B4-BE49-F238E27FC236}">
                <a16:creationId xmlns:a16="http://schemas.microsoft.com/office/drawing/2014/main" id="{C63F8BE9-A2D4-936C-84DB-4BC4D453045B}"/>
              </a:ext>
            </a:extLst>
          </p:cNvPr>
          <p:cNvSpPr>
            <a:spLocks noGrp="1"/>
          </p:cNvSpPr>
          <p:nvPr userDrawn="1">
            <p:ph type="body" sz="quarter" idx="1017" hasCustomPrompt="1"/>
          </p:nvPr>
        </p:nvSpPr>
        <p:spPr>
          <a:xfrm>
            <a:off x="8215558" y="4621086"/>
            <a:ext cx="2546280" cy="225563"/>
          </a:xfrm>
        </p:spPr>
        <p:txBody>
          <a:bodyPr/>
          <a:lstStyle>
            <a:lvl1pPr marL="0" indent="0" algn="l">
              <a:lnSpc>
                <a:spcPct val="120000"/>
              </a:lnSpc>
              <a:buFont typeface="Arial" panose="020B0604020202020204" pitchFamily="34" charset="0"/>
              <a:buNone/>
              <a:defRPr sz="1400">
                <a:solidFill>
                  <a:srgbClr val="000000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E: E-mail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39" name="Frame text 24 [PHJU] (JU-Free)">
            <a:extLst>
              <a:ext uri="{FF2B5EF4-FFF2-40B4-BE49-F238E27FC236}">
                <a16:creationId xmlns:a16="http://schemas.microsoft.com/office/drawing/2014/main" id="{05E1D267-A24D-588E-76B7-51B773BB8B16}"/>
              </a:ext>
            </a:extLst>
          </p:cNvPr>
          <p:cNvSpPr>
            <a:spLocks noGrp="1"/>
          </p:cNvSpPr>
          <p:nvPr userDrawn="1">
            <p:ph type="body" sz="quarter" idx="1018" hasCustomPrompt="1"/>
          </p:nvPr>
        </p:nvSpPr>
        <p:spPr>
          <a:xfrm>
            <a:off x="8215558" y="4879678"/>
            <a:ext cx="2546280" cy="225563"/>
          </a:xfrm>
        </p:spPr>
        <p:txBody>
          <a:bodyPr/>
          <a:lstStyle>
            <a:lvl1pPr marL="0" indent="0" algn="l">
              <a:lnSpc>
                <a:spcPct val="120000"/>
              </a:lnSpc>
              <a:buFont typeface="Arial" panose="020B0604020202020204" pitchFamily="34" charset="0"/>
              <a:buNone/>
              <a:defRPr sz="1400">
                <a:solidFill>
                  <a:srgbClr val="000000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T: Phone number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42" name="Title 25">
            <a:extLst>
              <a:ext uri="{FF2B5EF4-FFF2-40B4-BE49-F238E27FC236}">
                <a16:creationId xmlns:a16="http://schemas.microsoft.com/office/drawing/2014/main" id="{B75CA176-5709-6E86-50B1-E72D0C23B077}"/>
              </a:ext>
            </a:extLst>
          </p:cNvPr>
          <p:cNvSpPr>
            <a:spLocks noGrp="1" noSelect="1"/>
          </p:cNvSpPr>
          <p:nvPr userDrawn="1">
            <p:ph type="title" hasCustomPrompt="1"/>
          </p:nvPr>
        </p:nvSpPr>
        <p:spPr>
          <a:xfrm>
            <a:off x="1371598" y="536712"/>
            <a:ext cx="9482141" cy="445952"/>
          </a:xfrm>
        </p:spPr>
        <p:txBody>
          <a:bodyPr/>
          <a:lstStyle>
            <a:lvl1pPr>
              <a:defRPr>
                <a:solidFill>
                  <a:srgbClr val="0800FE"/>
                </a:solidFill>
              </a:defRPr>
            </a:lvl1pPr>
          </a:lstStyle>
          <a:p>
            <a:r>
              <a:rPr lang="en-GB"/>
              <a:t>[Title]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4771458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[Contact person]">
    <p:bg>
      <p:bgPr>
        <a:solidFill>
          <a:schemeClr val="bg1">
            <a:alpha val="9804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AE8BD596-0FA9-2E70-C07C-E54CD62663DA}"/>
              </a:ext>
            </a:extLst>
          </p:cNvPr>
          <p:cNvSpPr>
            <a:spLocks noSelect="1"/>
          </p:cNvSpPr>
          <p:nvPr userDrawn="1"/>
        </p:nvSpPr>
        <p:spPr bwMode="gray">
          <a:xfrm>
            <a:off x="0" y="0"/>
            <a:ext cx="6096000" cy="6858000"/>
          </a:xfrm>
          <a:prstGeom prst="rect">
            <a:avLst/>
          </a:prstGeom>
          <a:solidFill>
            <a:srgbClr val="FFE7F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6" name="Picture placeholder JU 2 [PHJU]">
            <a:extLst>
              <a:ext uri="{FF2B5EF4-FFF2-40B4-BE49-F238E27FC236}">
                <a16:creationId xmlns:a16="http://schemas.microsoft.com/office/drawing/2014/main" id="{36838384-E10B-A58A-1798-F98CE2E8411F}"/>
              </a:ext>
            </a:extLst>
          </p:cNvPr>
          <p:cNvSpPr>
            <a:spLocks noGrp="1" noSelect="1" noChangeArrowheads="1"/>
          </p:cNvSpPr>
          <p:nvPr>
            <p:ph type="pic" idx="1000" hasCustomPrompt="1"/>
            <p:custDataLst>
              <p:custData r:id="rId1"/>
            </p:custDataLst>
          </p:nvPr>
        </p:nvSpPr>
        <p:spPr bwMode="auto">
          <a:xfrm>
            <a:off x="1556851" y="1796791"/>
            <a:ext cx="3264418" cy="3264418"/>
          </a:xfrm>
          <a:custGeom>
            <a:avLst/>
            <a:gdLst>
              <a:gd name="connsiteX0" fmla="*/ 1632209 w 3264418"/>
              <a:gd name="connsiteY0" fmla="*/ 0 h 3264418"/>
              <a:gd name="connsiteX1" fmla="*/ 3264418 w 3264418"/>
              <a:gd name="connsiteY1" fmla="*/ 1632209 h 3264418"/>
              <a:gd name="connsiteX2" fmla="*/ 1632209 w 3264418"/>
              <a:gd name="connsiteY2" fmla="*/ 3264418 h 3264418"/>
              <a:gd name="connsiteX3" fmla="*/ 0 w 3264418"/>
              <a:gd name="connsiteY3" fmla="*/ 1632209 h 3264418"/>
              <a:gd name="connsiteX4" fmla="*/ 1632209 w 3264418"/>
              <a:gd name="connsiteY4" fmla="*/ 0 h 32644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264418" h="3264418">
                <a:moveTo>
                  <a:pt x="1632209" y="0"/>
                </a:moveTo>
                <a:cubicBezTo>
                  <a:pt x="2533653" y="0"/>
                  <a:pt x="3264418" y="730765"/>
                  <a:pt x="3264418" y="1632209"/>
                </a:cubicBezTo>
                <a:cubicBezTo>
                  <a:pt x="3264418" y="2533653"/>
                  <a:pt x="2533653" y="3264418"/>
                  <a:pt x="1632209" y="3264418"/>
                </a:cubicBezTo>
                <a:cubicBezTo>
                  <a:pt x="730765" y="3264418"/>
                  <a:pt x="0" y="2533653"/>
                  <a:pt x="0" y="1632209"/>
                </a:cubicBezTo>
                <a:cubicBezTo>
                  <a:pt x="0" y="730765"/>
                  <a:pt x="730765" y="0"/>
                  <a:pt x="1632209" y="0"/>
                </a:cubicBezTo>
                <a:close/>
              </a:path>
            </a:pathLst>
          </a:custGeom>
          <a:noFill/>
          <a:ln>
            <a:noFill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>
            <a:lvl1pPr marL="0" indent="0" algn="ctr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/>
            </a:lvl1pPr>
          </a:lstStyle>
          <a:p>
            <a:r>
              <a:rPr lang="en-GB"/>
              <a:t>[Picture]</a:t>
            </a:r>
            <a:endParaRPr lang="en-GB" dirty="0"/>
          </a:p>
        </p:txBody>
      </p:sp>
      <p:sp>
        <p:nvSpPr>
          <p:cNvPr id="5" name="Frame text 3 [PHJU] (JU-Free)">
            <a:extLst>
              <a:ext uri="{FF2B5EF4-FFF2-40B4-BE49-F238E27FC236}">
                <a16:creationId xmlns:a16="http://schemas.microsoft.com/office/drawing/2014/main" id="{ED34E75E-A063-49B2-0AFA-FA989D05FE84}"/>
              </a:ext>
            </a:extLst>
          </p:cNvPr>
          <p:cNvSpPr>
            <a:spLocks noGrp="1"/>
          </p:cNvSpPr>
          <p:nvPr>
            <p:ph type="body" sz="quarter" idx="1011" hasCustomPrompt="1"/>
          </p:nvPr>
        </p:nvSpPr>
        <p:spPr>
          <a:xfrm>
            <a:off x="7154002" y="2337030"/>
            <a:ext cx="3982794" cy="349203"/>
          </a:xfrm>
        </p:spPr>
        <p:txBody>
          <a:bodyPr/>
          <a:lstStyle>
            <a:lvl1pPr marL="0" indent="0" algn="l">
              <a:lnSpc>
                <a:spcPct val="120000"/>
              </a:lnSpc>
              <a:buFont typeface="Arial" panose="020B0604020202020204" pitchFamily="34" charset="0"/>
              <a:buNone/>
              <a:defRPr sz="2400">
                <a:solidFill>
                  <a:srgbClr val="000000"/>
                </a:solidFill>
                <a:latin typeface="Maison Neue Bold" panose="020B0804040000000000" pitchFamily="34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 dirty="0"/>
              <a:t>[Name]</a:t>
            </a:r>
          </a:p>
          <a:p>
            <a:pPr lvl="0"/>
            <a:r>
              <a:rPr lang="en-GB" dirty="0"/>
              <a:t>JU-LEVEL1=</a:t>
            </a:r>
            <a:r>
              <a:rPr lang="en-GB" dirty="0" err="1"/>
              <a:t>Standaard</a:t>
            </a:r>
            <a:endParaRPr lang="en-GB" dirty="0"/>
          </a:p>
        </p:txBody>
      </p:sp>
      <p:sp>
        <p:nvSpPr>
          <p:cNvPr id="6" name="Frame text 4 (JU-Free)">
            <a:extLst>
              <a:ext uri="{FF2B5EF4-FFF2-40B4-BE49-F238E27FC236}">
                <a16:creationId xmlns:a16="http://schemas.microsoft.com/office/drawing/2014/main" id="{D0CD5665-36AF-2CF6-DA65-CF6DF2C4F43C}"/>
              </a:ext>
            </a:extLst>
          </p:cNvPr>
          <p:cNvSpPr>
            <a:spLocks noGrp="1"/>
          </p:cNvSpPr>
          <p:nvPr>
            <p:ph type="body" sz="quarter" idx="1012" hasCustomPrompt="1"/>
          </p:nvPr>
        </p:nvSpPr>
        <p:spPr>
          <a:xfrm>
            <a:off x="7154184" y="2686233"/>
            <a:ext cx="3982611" cy="349203"/>
          </a:xfrm>
        </p:spPr>
        <p:txBody>
          <a:bodyPr/>
          <a:lstStyle>
            <a:lvl1pPr marL="0" indent="0" algn="l">
              <a:lnSpc>
                <a:spcPct val="120000"/>
              </a:lnSpc>
              <a:buFont typeface="Arial" panose="020B0604020202020204" pitchFamily="34" charset="0"/>
              <a:buNone/>
              <a:defRPr sz="2400">
                <a:solidFill>
                  <a:srgbClr val="0800FE"/>
                </a:solidFill>
                <a:latin typeface="Maison Neue Bold" panose="020B0804040000000000" pitchFamily="34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Function[Funcion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7" name="Frame text 5 [PHJU] (JU-Free)">
            <a:extLst>
              <a:ext uri="{FF2B5EF4-FFF2-40B4-BE49-F238E27FC236}">
                <a16:creationId xmlns:a16="http://schemas.microsoft.com/office/drawing/2014/main" id="{4F93873C-5B54-23F0-C397-2D33FBD7842A}"/>
              </a:ext>
            </a:extLst>
          </p:cNvPr>
          <p:cNvSpPr>
            <a:spLocks noGrp="1"/>
          </p:cNvSpPr>
          <p:nvPr>
            <p:ph type="body" sz="quarter" idx="1013" hasCustomPrompt="1"/>
          </p:nvPr>
        </p:nvSpPr>
        <p:spPr>
          <a:xfrm>
            <a:off x="7153920" y="3343907"/>
            <a:ext cx="3982680" cy="225563"/>
          </a:xfrm>
        </p:spPr>
        <p:txBody>
          <a:bodyPr/>
          <a:lstStyle>
            <a:lvl1pPr marL="0" indent="0" algn="l">
              <a:lnSpc>
                <a:spcPct val="120000"/>
              </a:lnSpc>
              <a:buFont typeface="Arial" panose="020B0604020202020204" pitchFamily="34" charset="0"/>
              <a:buNone/>
              <a:defRPr sz="1400">
                <a:solidFill>
                  <a:srgbClr val="000000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 dirty="0"/>
              <a:t>[E: E-mail]</a:t>
            </a:r>
          </a:p>
          <a:p>
            <a:pPr lvl="0"/>
            <a:r>
              <a:rPr lang="en-GB" dirty="0"/>
              <a:t>JU-LEVEL1=Standard</a:t>
            </a:r>
          </a:p>
        </p:txBody>
      </p:sp>
      <p:sp>
        <p:nvSpPr>
          <p:cNvPr id="8" name="Frame text 6 [PHJU] (JU-Free)">
            <a:extLst>
              <a:ext uri="{FF2B5EF4-FFF2-40B4-BE49-F238E27FC236}">
                <a16:creationId xmlns:a16="http://schemas.microsoft.com/office/drawing/2014/main" id="{1F0B0487-3689-6F2A-1DBF-753D19B75312}"/>
              </a:ext>
            </a:extLst>
          </p:cNvPr>
          <p:cNvSpPr>
            <a:spLocks noGrp="1"/>
          </p:cNvSpPr>
          <p:nvPr>
            <p:ph type="body" sz="quarter" idx="1014" hasCustomPrompt="1"/>
          </p:nvPr>
        </p:nvSpPr>
        <p:spPr>
          <a:xfrm>
            <a:off x="7153920" y="3602499"/>
            <a:ext cx="3982680" cy="225563"/>
          </a:xfrm>
        </p:spPr>
        <p:txBody>
          <a:bodyPr/>
          <a:lstStyle>
            <a:lvl1pPr marL="0" indent="0" algn="l">
              <a:lnSpc>
                <a:spcPct val="120000"/>
              </a:lnSpc>
              <a:buFont typeface="Arial" panose="020B0604020202020204" pitchFamily="34" charset="0"/>
              <a:buNone/>
              <a:defRPr sz="1400">
                <a:solidFill>
                  <a:srgbClr val="000000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 dirty="0"/>
              <a:t>T: [Phone number]</a:t>
            </a:r>
          </a:p>
          <a:p>
            <a:pPr lvl="0"/>
            <a:r>
              <a:rPr lang="en-GB" dirty="0"/>
              <a:t>JU-LEVEL1=Standard</a:t>
            </a:r>
          </a:p>
        </p:txBody>
      </p:sp>
      <p:sp>
        <p:nvSpPr>
          <p:cNvPr id="12" name="TextBox 7">
            <a:hlinkClick r:id="rId3"/>
            <a:extLst>
              <a:ext uri="{FF2B5EF4-FFF2-40B4-BE49-F238E27FC236}">
                <a16:creationId xmlns:a16="http://schemas.microsoft.com/office/drawing/2014/main" id="{6DACEA48-DE52-49C8-41F2-324E19C74323}"/>
              </a:ext>
            </a:extLst>
          </p:cNvPr>
          <p:cNvSpPr txBox="1">
            <a:spLocks noSelect="1"/>
          </p:cNvSpPr>
          <p:nvPr userDrawn="1"/>
        </p:nvSpPr>
        <p:spPr>
          <a:xfrm>
            <a:off x="7144061" y="4372776"/>
            <a:ext cx="1816066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>
                <a:latin typeface="Roboto" panose="02000000000000000000" pitchFamily="2" charset="0"/>
                <a:ea typeface="Roboto" panose="02000000000000000000" pitchFamily="2" charset="0"/>
              </a:rPr>
              <a:t>www.virtualvaults.com</a:t>
            </a:r>
            <a:endParaRPr lang="en-GB" sz="1400" dirty="0">
              <a:latin typeface="Roboto" panose="02000000000000000000" pitchFamily="2" charset="0"/>
              <a:ea typeface="Roboto" panose="02000000000000000000" pitchFamily="2" charset="0"/>
            </a:endParaRPr>
          </a:p>
        </p:txBody>
      </p:sp>
      <p:sp>
        <p:nvSpPr>
          <p:cNvPr id="13" name="TextBox 8">
            <a:extLst>
              <a:ext uri="{FF2B5EF4-FFF2-40B4-BE49-F238E27FC236}">
                <a16:creationId xmlns:a16="http://schemas.microsoft.com/office/drawing/2014/main" id="{69812EBB-1921-3335-EC99-7115163E375E}"/>
              </a:ext>
            </a:extLst>
          </p:cNvPr>
          <p:cNvSpPr txBox="1">
            <a:spLocks noSelect="1"/>
          </p:cNvSpPr>
          <p:nvPr userDrawn="1"/>
        </p:nvSpPr>
        <p:spPr>
          <a:xfrm>
            <a:off x="7145934" y="4113737"/>
            <a:ext cx="2311147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>
                <a:latin typeface="Roboto" panose="02000000000000000000" pitchFamily="2" charset="0"/>
                <a:ea typeface="Roboto" panose="02000000000000000000" pitchFamily="2" charset="0"/>
              </a:rPr>
              <a:t>Connect with me on LinkedIn</a:t>
            </a:r>
            <a:endParaRPr lang="en-GB" sz="1400" dirty="0">
              <a:latin typeface="Roboto" panose="02000000000000000000" pitchFamily="2" charset="0"/>
              <a:ea typeface="Roboto" panose="02000000000000000000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5145285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[Roadmap]">
    <p:bg>
      <p:bgPr>
        <a:solidFill>
          <a:srgbClr val="3E98DA">
            <a:alpha val="40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rame 1">
            <a:extLst>
              <a:ext uri="{FF2B5EF4-FFF2-40B4-BE49-F238E27FC236}">
                <a16:creationId xmlns:a16="http://schemas.microsoft.com/office/drawing/2014/main" id="{7BC393C9-D4E1-6689-D975-3AB4CFDCF786}"/>
              </a:ext>
            </a:extLst>
          </p:cNvPr>
          <p:cNvSpPr>
            <a:spLocks noGrp="1" noSelect="1"/>
          </p:cNvSpPr>
          <p:nvPr>
            <p:ph type="body" sz="quarter" idx="1021" hasCustomPrompt="1"/>
          </p:nvPr>
        </p:nvSpPr>
        <p:spPr>
          <a:xfrm>
            <a:off x="1182689" y="1809750"/>
            <a:ext cx="9826624" cy="3810000"/>
          </a:xfrm>
          <a:custGeom>
            <a:avLst/>
            <a:gdLst>
              <a:gd name="connsiteX0" fmla="*/ 327617 w 9826624"/>
              <a:gd name="connsiteY0" fmla="*/ 0 h 3810000"/>
              <a:gd name="connsiteX1" fmla="*/ 329856 w 9826624"/>
              <a:gd name="connsiteY1" fmla="*/ 0 h 3810000"/>
              <a:gd name="connsiteX2" fmla="*/ 345530 w 9826624"/>
              <a:gd name="connsiteY2" fmla="*/ 0 h 3810000"/>
              <a:gd name="connsiteX3" fmla="*/ 388073 w 9826624"/>
              <a:gd name="connsiteY3" fmla="*/ 0 h 3810000"/>
              <a:gd name="connsiteX4" fmla="*/ 470920 w 9826624"/>
              <a:gd name="connsiteY4" fmla="*/ 0 h 3810000"/>
              <a:gd name="connsiteX5" fmla="*/ 607505 w 9826624"/>
              <a:gd name="connsiteY5" fmla="*/ 0 h 3810000"/>
              <a:gd name="connsiteX6" fmla="*/ 700149 w 9826624"/>
              <a:gd name="connsiteY6" fmla="*/ 0 h 3810000"/>
              <a:gd name="connsiteX7" fmla="*/ 811264 w 9826624"/>
              <a:gd name="connsiteY7" fmla="*/ 0 h 3810000"/>
              <a:gd name="connsiteX8" fmla="*/ 942532 w 9826624"/>
              <a:gd name="connsiteY8" fmla="*/ 0 h 3810000"/>
              <a:gd name="connsiteX9" fmla="*/ 1095631 w 9826624"/>
              <a:gd name="connsiteY9" fmla="*/ 0 h 3810000"/>
              <a:gd name="connsiteX10" fmla="*/ 1272241 w 9826624"/>
              <a:gd name="connsiteY10" fmla="*/ 0 h 3810000"/>
              <a:gd name="connsiteX11" fmla="*/ 1474041 w 9826624"/>
              <a:gd name="connsiteY11" fmla="*/ 0 h 3810000"/>
              <a:gd name="connsiteX12" fmla="*/ 1702710 w 9826624"/>
              <a:gd name="connsiteY12" fmla="*/ 0 h 3810000"/>
              <a:gd name="connsiteX13" fmla="*/ 1959927 w 9826624"/>
              <a:gd name="connsiteY13" fmla="*/ 0 h 3810000"/>
              <a:gd name="connsiteX14" fmla="*/ 2247373 w 9826624"/>
              <a:gd name="connsiteY14" fmla="*/ 0 h 3810000"/>
              <a:gd name="connsiteX15" fmla="*/ 2566726 w 9826624"/>
              <a:gd name="connsiteY15" fmla="*/ 0 h 3810000"/>
              <a:gd name="connsiteX16" fmla="*/ 2919665 w 9826624"/>
              <a:gd name="connsiteY16" fmla="*/ 0 h 3810000"/>
              <a:gd name="connsiteX17" fmla="*/ 3307871 w 9826624"/>
              <a:gd name="connsiteY17" fmla="*/ 0 h 3810000"/>
              <a:gd name="connsiteX18" fmla="*/ 3733021 w 9826624"/>
              <a:gd name="connsiteY18" fmla="*/ 0 h 3810000"/>
              <a:gd name="connsiteX19" fmla="*/ 4196797 w 9826624"/>
              <a:gd name="connsiteY19" fmla="*/ 0 h 3810000"/>
              <a:gd name="connsiteX20" fmla="*/ 4700876 w 9826624"/>
              <a:gd name="connsiteY20" fmla="*/ 0 h 3810000"/>
              <a:gd name="connsiteX21" fmla="*/ 5246939 w 9826624"/>
              <a:gd name="connsiteY21" fmla="*/ 0 h 3810000"/>
              <a:gd name="connsiteX22" fmla="*/ 5836664 w 9826624"/>
              <a:gd name="connsiteY22" fmla="*/ 0 h 3810000"/>
              <a:gd name="connsiteX23" fmla="*/ 6471731 w 9826624"/>
              <a:gd name="connsiteY23" fmla="*/ 0 h 3810000"/>
              <a:gd name="connsiteX24" fmla="*/ 7153820 w 9826624"/>
              <a:gd name="connsiteY24" fmla="*/ 0 h 3810000"/>
              <a:gd name="connsiteX25" fmla="*/ 7884609 w 9826624"/>
              <a:gd name="connsiteY25" fmla="*/ 0 h 3810000"/>
              <a:gd name="connsiteX26" fmla="*/ 8665778 w 9826624"/>
              <a:gd name="connsiteY26" fmla="*/ 0 h 3810000"/>
              <a:gd name="connsiteX27" fmla="*/ 9499006 w 9826624"/>
              <a:gd name="connsiteY27" fmla="*/ 0 h 3810000"/>
              <a:gd name="connsiteX28" fmla="*/ 9826624 w 9826624"/>
              <a:gd name="connsiteY28" fmla="*/ 327687 h 3810000"/>
              <a:gd name="connsiteX29" fmla="*/ 9826624 w 9826624"/>
              <a:gd name="connsiteY29" fmla="*/ 3482313 h 3810000"/>
              <a:gd name="connsiteX30" fmla="*/ 9499006 w 9826624"/>
              <a:gd name="connsiteY30" fmla="*/ 3810000 h 3810000"/>
              <a:gd name="connsiteX31" fmla="*/ 9496767 w 9826624"/>
              <a:gd name="connsiteY31" fmla="*/ 3810000 h 3810000"/>
              <a:gd name="connsiteX32" fmla="*/ 9481093 w 9826624"/>
              <a:gd name="connsiteY32" fmla="*/ 3810000 h 3810000"/>
              <a:gd name="connsiteX33" fmla="*/ 9438550 w 9826624"/>
              <a:gd name="connsiteY33" fmla="*/ 3810000 h 3810000"/>
              <a:gd name="connsiteX34" fmla="*/ 9355703 w 9826624"/>
              <a:gd name="connsiteY34" fmla="*/ 3810000 h 3810000"/>
              <a:gd name="connsiteX35" fmla="*/ 9219117 w 9826624"/>
              <a:gd name="connsiteY35" fmla="*/ 3810000 h 3810000"/>
              <a:gd name="connsiteX36" fmla="*/ 9126474 w 9826624"/>
              <a:gd name="connsiteY36" fmla="*/ 3810000 h 3810000"/>
              <a:gd name="connsiteX37" fmla="*/ 9015359 w 9826624"/>
              <a:gd name="connsiteY37" fmla="*/ 3810000 h 3810000"/>
              <a:gd name="connsiteX38" fmla="*/ 8884091 w 9826624"/>
              <a:gd name="connsiteY38" fmla="*/ 3810000 h 3810000"/>
              <a:gd name="connsiteX39" fmla="*/ 8730992 w 9826624"/>
              <a:gd name="connsiteY39" fmla="*/ 3810000 h 3810000"/>
              <a:gd name="connsiteX40" fmla="*/ 8554382 w 9826624"/>
              <a:gd name="connsiteY40" fmla="*/ 3810000 h 3810000"/>
              <a:gd name="connsiteX41" fmla="*/ 8352582 w 9826624"/>
              <a:gd name="connsiteY41" fmla="*/ 3810000 h 3810000"/>
              <a:gd name="connsiteX42" fmla="*/ 8123913 w 9826624"/>
              <a:gd name="connsiteY42" fmla="*/ 3810000 h 3810000"/>
              <a:gd name="connsiteX43" fmla="*/ 7866696 w 9826624"/>
              <a:gd name="connsiteY43" fmla="*/ 3810000 h 3810000"/>
              <a:gd name="connsiteX44" fmla="*/ 7579250 w 9826624"/>
              <a:gd name="connsiteY44" fmla="*/ 3810000 h 3810000"/>
              <a:gd name="connsiteX45" fmla="*/ 7259897 w 9826624"/>
              <a:gd name="connsiteY45" fmla="*/ 3810000 h 3810000"/>
              <a:gd name="connsiteX46" fmla="*/ 6906958 w 9826624"/>
              <a:gd name="connsiteY46" fmla="*/ 3810000 h 3810000"/>
              <a:gd name="connsiteX47" fmla="*/ 6518753 w 9826624"/>
              <a:gd name="connsiteY47" fmla="*/ 3810000 h 3810000"/>
              <a:gd name="connsiteX48" fmla="*/ 6093602 w 9826624"/>
              <a:gd name="connsiteY48" fmla="*/ 3810000 h 3810000"/>
              <a:gd name="connsiteX49" fmla="*/ 5629826 w 9826624"/>
              <a:gd name="connsiteY49" fmla="*/ 3810000 h 3810000"/>
              <a:gd name="connsiteX50" fmla="*/ 5125747 w 9826624"/>
              <a:gd name="connsiteY50" fmla="*/ 3810000 h 3810000"/>
              <a:gd name="connsiteX51" fmla="*/ 4579684 w 9826624"/>
              <a:gd name="connsiteY51" fmla="*/ 3810000 h 3810000"/>
              <a:gd name="connsiteX52" fmla="*/ 3989959 w 9826624"/>
              <a:gd name="connsiteY52" fmla="*/ 3810000 h 3810000"/>
              <a:gd name="connsiteX53" fmla="*/ 3354892 w 9826624"/>
              <a:gd name="connsiteY53" fmla="*/ 3810000 h 3810000"/>
              <a:gd name="connsiteX54" fmla="*/ 2672803 w 9826624"/>
              <a:gd name="connsiteY54" fmla="*/ 3810000 h 3810000"/>
              <a:gd name="connsiteX55" fmla="*/ 1942014 w 9826624"/>
              <a:gd name="connsiteY55" fmla="*/ 3810000 h 3810000"/>
              <a:gd name="connsiteX56" fmla="*/ 1160845 w 9826624"/>
              <a:gd name="connsiteY56" fmla="*/ 3810000 h 3810000"/>
              <a:gd name="connsiteX57" fmla="*/ 327617 w 9826624"/>
              <a:gd name="connsiteY57" fmla="*/ 3810000 h 3810000"/>
              <a:gd name="connsiteX58" fmla="*/ 25743 w 9826624"/>
              <a:gd name="connsiteY58" fmla="*/ 3609870 h 3810000"/>
              <a:gd name="connsiteX59" fmla="*/ 0 w 9826624"/>
              <a:gd name="connsiteY59" fmla="*/ 3482318 h 3810000"/>
              <a:gd name="connsiteX60" fmla="*/ 0 w 9826624"/>
              <a:gd name="connsiteY60" fmla="*/ 327683 h 3810000"/>
              <a:gd name="connsiteX61" fmla="*/ 25743 w 9826624"/>
              <a:gd name="connsiteY61" fmla="*/ 200131 h 3810000"/>
              <a:gd name="connsiteX62" fmla="*/ 327617 w 9826624"/>
              <a:gd name="connsiteY62" fmla="*/ 0 h 38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</a:cxnLst>
            <a:rect l="l" t="t" r="r" b="b"/>
            <a:pathLst>
              <a:path w="9826624" h="3810000">
                <a:moveTo>
                  <a:pt x="327617" y="0"/>
                </a:moveTo>
                <a:lnTo>
                  <a:pt x="329856" y="0"/>
                </a:lnTo>
                <a:lnTo>
                  <a:pt x="345530" y="0"/>
                </a:lnTo>
                <a:lnTo>
                  <a:pt x="388073" y="0"/>
                </a:lnTo>
                <a:lnTo>
                  <a:pt x="470920" y="0"/>
                </a:lnTo>
                <a:lnTo>
                  <a:pt x="607505" y="0"/>
                </a:lnTo>
                <a:lnTo>
                  <a:pt x="700149" y="0"/>
                </a:lnTo>
                <a:lnTo>
                  <a:pt x="811264" y="0"/>
                </a:lnTo>
                <a:lnTo>
                  <a:pt x="942532" y="0"/>
                </a:lnTo>
                <a:lnTo>
                  <a:pt x="1095631" y="0"/>
                </a:lnTo>
                <a:lnTo>
                  <a:pt x="1272241" y="0"/>
                </a:lnTo>
                <a:lnTo>
                  <a:pt x="1474041" y="0"/>
                </a:lnTo>
                <a:lnTo>
                  <a:pt x="1702710" y="0"/>
                </a:lnTo>
                <a:lnTo>
                  <a:pt x="1959927" y="0"/>
                </a:lnTo>
                <a:lnTo>
                  <a:pt x="2247373" y="0"/>
                </a:lnTo>
                <a:lnTo>
                  <a:pt x="2566726" y="0"/>
                </a:lnTo>
                <a:lnTo>
                  <a:pt x="2919665" y="0"/>
                </a:lnTo>
                <a:lnTo>
                  <a:pt x="3307871" y="0"/>
                </a:lnTo>
                <a:lnTo>
                  <a:pt x="3733021" y="0"/>
                </a:lnTo>
                <a:lnTo>
                  <a:pt x="4196797" y="0"/>
                </a:lnTo>
                <a:lnTo>
                  <a:pt x="4700876" y="0"/>
                </a:lnTo>
                <a:lnTo>
                  <a:pt x="5246939" y="0"/>
                </a:lnTo>
                <a:lnTo>
                  <a:pt x="5836664" y="0"/>
                </a:lnTo>
                <a:lnTo>
                  <a:pt x="6471731" y="0"/>
                </a:lnTo>
                <a:lnTo>
                  <a:pt x="7153820" y="0"/>
                </a:lnTo>
                <a:lnTo>
                  <a:pt x="7884609" y="0"/>
                </a:lnTo>
                <a:lnTo>
                  <a:pt x="8665778" y="0"/>
                </a:lnTo>
                <a:lnTo>
                  <a:pt x="9499006" y="0"/>
                </a:lnTo>
                <a:cubicBezTo>
                  <a:pt x="9679958" y="0"/>
                  <a:pt x="9826624" y="146697"/>
                  <a:pt x="9826624" y="327687"/>
                </a:cubicBezTo>
                <a:cubicBezTo>
                  <a:pt x="9826624" y="327687"/>
                  <a:pt x="9826624" y="327687"/>
                  <a:pt x="9826624" y="3482313"/>
                </a:cubicBezTo>
                <a:cubicBezTo>
                  <a:pt x="9826624" y="3663303"/>
                  <a:pt x="9679958" y="3810000"/>
                  <a:pt x="9499006" y="3810000"/>
                </a:cubicBezTo>
                <a:lnTo>
                  <a:pt x="9496767" y="3810000"/>
                </a:lnTo>
                <a:lnTo>
                  <a:pt x="9481093" y="3810000"/>
                </a:lnTo>
                <a:lnTo>
                  <a:pt x="9438550" y="3810000"/>
                </a:lnTo>
                <a:lnTo>
                  <a:pt x="9355703" y="3810000"/>
                </a:lnTo>
                <a:lnTo>
                  <a:pt x="9219117" y="3810000"/>
                </a:lnTo>
                <a:lnTo>
                  <a:pt x="9126474" y="3810000"/>
                </a:lnTo>
                <a:lnTo>
                  <a:pt x="9015359" y="3810000"/>
                </a:lnTo>
                <a:lnTo>
                  <a:pt x="8884091" y="3810000"/>
                </a:lnTo>
                <a:lnTo>
                  <a:pt x="8730992" y="3810000"/>
                </a:lnTo>
                <a:lnTo>
                  <a:pt x="8554382" y="3810000"/>
                </a:lnTo>
                <a:lnTo>
                  <a:pt x="8352582" y="3810000"/>
                </a:lnTo>
                <a:lnTo>
                  <a:pt x="8123913" y="3810000"/>
                </a:lnTo>
                <a:lnTo>
                  <a:pt x="7866696" y="3810000"/>
                </a:lnTo>
                <a:lnTo>
                  <a:pt x="7579250" y="3810000"/>
                </a:lnTo>
                <a:lnTo>
                  <a:pt x="7259897" y="3810000"/>
                </a:lnTo>
                <a:lnTo>
                  <a:pt x="6906958" y="3810000"/>
                </a:lnTo>
                <a:lnTo>
                  <a:pt x="6518753" y="3810000"/>
                </a:lnTo>
                <a:lnTo>
                  <a:pt x="6093602" y="3810000"/>
                </a:lnTo>
                <a:lnTo>
                  <a:pt x="5629826" y="3810000"/>
                </a:lnTo>
                <a:lnTo>
                  <a:pt x="5125747" y="3810000"/>
                </a:lnTo>
                <a:lnTo>
                  <a:pt x="4579684" y="3810000"/>
                </a:lnTo>
                <a:lnTo>
                  <a:pt x="3989959" y="3810000"/>
                </a:lnTo>
                <a:lnTo>
                  <a:pt x="3354892" y="3810000"/>
                </a:lnTo>
                <a:lnTo>
                  <a:pt x="2672803" y="3810000"/>
                </a:lnTo>
                <a:lnTo>
                  <a:pt x="1942014" y="3810000"/>
                </a:lnTo>
                <a:lnTo>
                  <a:pt x="1160845" y="3810000"/>
                </a:lnTo>
                <a:lnTo>
                  <a:pt x="327617" y="3810000"/>
                </a:lnTo>
                <a:cubicBezTo>
                  <a:pt x="191903" y="3810000"/>
                  <a:pt x="75475" y="3727483"/>
                  <a:pt x="25743" y="3609870"/>
                </a:cubicBezTo>
                <a:lnTo>
                  <a:pt x="0" y="3482318"/>
                </a:lnTo>
                <a:lnTo>
                  <a:pt x="0" y="327683"/>
                </a:lnTo>
                <a:lnTo>
                  <a:pt x="25743" y="200131"/>
                </a:lnTo>
                <a:cubicBezTo>
                  <a:pt x="75475" y="82517"/>
                  <a:pt x="191903" y="0"/>
                  <a:pt x="327617" y="0"/>
                </a:cubicBezTo>
                <a:close/>
              </a:path>
            </a:pathLst>
          </a:custGeom>
          <a:solidFill>
            <a:srgbClr val="FFFFFF">
              <a:alpha val="30196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0" lvl="0"/>
            <a:r>
              <a:rPr lang="en-GB" dirty="0"/>
              <a:t> </a:t>
            </a:r>
          </a:p>
        </p:txBody>
      </p:sp>
      <p:sp>
        <p:nvSpPr>
          <p:cNvPr id="23" name="Frame 2">
            <a:extLst>
              <a:ext uri="{FF2B5EF4-FFF2-40B4-BE49-F238E27FC236}">
                <a16:creationId xmlns:a16="http://schemas.microsoft.com/office/drawing/2014/main" id="{841632F6-350B-ACC8-6C98-2ED07E3E63C7}"/>
              </a:ext>
            </a:extLst>
          </p:cNvPr>
          <p:cNvSpPr>
            <a:spLocks noGrp="1" noSelect="1"/>
          </p:cNvSpPr>
          <p:nvPr>
            <p:ph type="body" sz="quarter" idx="1022" hasCustomPrompt="1"/>
          </p:nvPr>
        </p:nvSpPr>
        <p:spPr>
          <a:xfrm>
            <a:off x="1182688" y="1809750"/>
            <a:ext cx="7348538" cy="3810000"/>
          </a:xfrm>
          <a:custGeom>
            <a:avLst/>
            <a:gdLst>
              <a:gd name="connsiteX0" fmla="*/ 327646 w 7348538"/>
              <a:gd name="connsiteY0" fmla="*/ 0 h 3810000"/>
              <a:gd name="connsiteX1" fmla="*/ 329280 w 7348538"/>
              <a:gd name="connsiteY1" fmla="*/ 0 h 3810000"/>
              <a:gd name="connsiteX2" fmla="*/ 340718 w 7348538"/>
              <a:gd name="connsiteY2" fmla="*/ 0 h 3810000"/>
              <a:gd name="connsiteX3" fmla="*/ 371765 w 7348538"/>
              <a:gd name="connsiteY3" fmla="*/ 0 h 3810000"/>
              <a:gd name="connsiteX4" fmla="*/ 432223 w 7348538"/>
              <a:gd name="connsiteY4" fmla="*/ 0 h 3810000"/>
              <a:gd name="connsiteX5" fmla="*/ 531898 w 7348538"/>
              <a:gd name="connsiteY5" fmla="*/ 0 h 3810000"/>
              <a:gd name="connsiteX6" fmla="*/ 599505 w 7348538"/>
              <a:gd name="connsiteY6" fmla="*/ 0 h 3810000"/>
              <a:gd name="connsiteX7" fmla="*/ 680593 w 7348538"/>
              <a:gd name="connsiteY7" fmla="*/ 0 h 3810000"/>
              <a:gd name="connsiteX8" fmla="*/ 776388 w 7348538"/>
              <a:gd name="connsiteY8" fmla="*/ 0 h 3810000"/>
              <a:gd name="connsiteX9" fmla="*/ 888113 w 7348538"/>
              <a:gd name="connsiteY9" fmla="*/ 0 h 3810000"/>
              <a:gd name="connsiteX10" fmla="*/ 1016997 w 7348538"/>
              <a:gd name="connsiteY10" fmla="*/ 0 h 3810000"/>
              <a:gd name="connsiteX11" fmla="*/ 1164262 w 7348538"/>
              <a:gd name="connsiteY11" fmla="*/ 0 h 3810000"/>
              <a:gd name="connsiteX12" fmla="*/ 1331136 w 7348538"/>
              <a:gd name="connsiteY12" fmla="*/ 0 h 3810000"/>
              <a:gd name="connsiteX13" fmla="*/ 1518844 w 7348538"/>
              <a:gd name="connsiteY13" fmla="*/ 0 h 3810000"/>
              <a:gd name="connsiteX14" fmla="*/ 1728610 w 7348538"/>
              <a:gd name="connsiteY14" fmla="*/ 0 h 3810000"/>
              <a:gd name="connsiteX15" fmla="*/ 1961662 w 7348538"/>
              <a:gd name="connsiteY15" fmla="*/ 0 h 3810000"/>
              <a:gd name="connsiteX16" fmla="*/ 2219224 w 7348538"/>
              <a:gd name="connsiteY16" fmla="*/ 0 h 3810000"/>
              <a:gd name="connsiteX17" fmla="*/ 2502521 w 7348538"/>
              <a:gd name="connsiteY17" fmla="*/ 0 h 3810000"/>
              <a:gd name="connsiteX18" fmla="*/ 2812780 w 7348538"/>
              <a:gd name="connsiteY18" fmla="*/ 0 h 3810000"/>
              <a:gd name="connsiteX19" fmla="*/ 3151225 w 7348538"/>
              <a:gd name="connsiteY19" fmla="*/ 0 h 3810000"/>
              <a:gd name="connsiteX20" fmla="*/ 3519083 w 7348538"/>
              <a:gd name="connsiteY20" fmla="*/ 0 h 3810000"/>
              <a:gd name="connsiteX21" fmla="*/ 3917579 w 7348538"/>
              <a:gd name="connsiteY21" fmla="*/ 0 h 3810000"/>
              <a:gd name="connsiteX22" fmla="*/ 4347938 w 7348538"/>
              <a:gd name="connsiteY22" fmla="*/ 0 h 3810000"/>
              <a:gd name="connsiteX23" fmla="*/ 4811385 w 7348538"/>
              <a:gd name="connsiteY23" fmla="*/ 0 h 3810000"/>
              <a:gd name="connsiteX24" fmla="*/ 5309148 w 7348538"/>
              <a:gd name="connsiteY24" fmla="*/ 0 h 3810000"/>
              <a:gd name="connsiteX25" fmla="*/ 5842449 w 7348538"/>
              <a:gd name="connsiteY25" fmla="*/ 0 h 3810000"/>
              <a:gd name="connsiteX26" fmla="*/ 6412517 w 7348538"/>
              <a:gd name="connsiteY26" fmla="*/ 0 h 3810000"/>
              <a:gd name="connsiteX27" fmla="*/ 7020575 w 7348538"/>
              <a:gd name="connsiteY27" fmla="*/ 0 h 3810000"/>
              <a:gd name="connsiteX28" fmla="*/ 7348538 w 7348538"/>
              <a:gd name="connsiteY28" fmla="*/ 327687 h 3810000"/>
              <a:gd name="connsiteX29" fmla="*/ 7348538 w 7348538"/>
              <a:gd name="connsiteY29" fmla="*/ 328458 h 3810000"/>
              <a:gd name="connsiteX30" fmla="*/ 7348538 w 7348538"/>
              <a:gd name="connsiteY30" fmla="*/ 333849 h 3810000"/>
              <a:gd name="connsiteX31" fmla="*/ 7348538 w 7348538"/>
              <a:gd name="connsiteY31" fmla="*/ 348482 h 3810000"/>
              <a:gd name="connsiteX32" fmla="*/ 7348538 w 7348538"/>
              <a:gd name="connsiteY32" fmla="*/ 376978 h 3810000"/>
              <a:gd name="connsiteX33" fmla="*/ 7348538 w 7348538"/>
              <a:gd name="connsiteY33" fmla="*/ 423959 h 3810000"/>
              <a:gd name="connsiteX34" fmla="*/ 7348538 w 7348538"/>
              <a:gd name="connsiteY34" fmla="*/ 494045 h 3810000"/>
              <a:gd name="connsiteX35" fmla="*/ 7348538 w 7348538"/>
              <a:gd name="connsiteY35" fmla="*/ 539196 h 3810000"/>
              <a:gd name="connsiteX36" fmla="*/ 7348538 w 7348538"/>
              <a:gd name="connsiteY36" fmla="*/ 591857 h 3810000"/>
              <a:gd name="connsiteX37" fmla="*/ 7348538 w 7348538"/>
              <a:gd name="connsiteY37" fmla="*/ 652604 h 3810000"/>
              <a:gd name="connsiteX38" fmla="*/ 7348538 w 7348538"/>
              <a:gd name="connsiteY38" fmla="*/ 722016 h 3810000"/>
              <a:gd name="connsiteX39" fmla="*/ 7348538 w 7348538"/>
              <a:gd name="connsiteY39" fmla="*/ 800670 h 3810000"/>
              <a:gd name="connsiteX40" fmla="*/ 7348538 w 7348538"/>
              <a:gd name="connsiteY40" fmla="*/ 889143 h 3810000"/>
              <a:gd name="connsiteX41" fmla="*/ 7348538 w 7348538"/>
              <a:gd name="connsiteY41" fmla="*/ 988014 h 3810000"/>
              <a:gd name="connsiteX42" fmla="*/ 7348538 w 7348538"/>
              <a:gd name="connsiteY42" fmla="*/ 1097860 h 3810000"/>
              <a:gd name="connsiteX43" fmla="*/ 7348538 w 7348538"/>
              <a:gd name="connsiteY43" fmla="*/ 1219258 h 3810000"/>
              <a:gd name="connsiteX44" fmla="*/ 7348538 w 7348538"/>
              <a:gd name="connsiteY44" fmla="*/ 1352787 h 3810000"/>
              <a:gd name="connsiteX45" fmla="*/ 7348538 w 7348538"/>
              <a:gd name="connsiteY45" fmla="*/ 1499023 h 3810000"/>
              <a:gd name="connsiteX46" fmla="*/ 7348538 w 7348538"/>
              <a:gd name="connsiteY46" fmla="*/ 1658545 h 3810000"/>
              <a:gd name="connsiteX47" fmla="*/ 7348538 w 7348538"/>
              <a:gd name="connsiteY47" fmla="*/ 1831930 h 3810000"/>
              <a:gd name="connsiteX48" fmla="*/ 7348538 w 7348538"/>
              <a:gd name="connsiteY48" fmla="*/ 2019756 h 3810000"/>
              <a:gd name="connsiteX49" fmla="*/ 7348538 w 7348538"/>
              <a:gd name="connsiteY49" fmla="*/ 2222600 h 3810000"/>
              <a:gd name="connsiteX50" fmla="*/ 7348538 w 7348538"/>
              <a:gd name="connsiteY50" fmla="*/ 2441040 h 3810000"/>
              <a:gd name="connsiteX51" fmla="*/ 7348538 w 7348538"/>
              <a:gd name="connsiteY51" fmla="*/ 2675654 h 3810000"/>
              <a:gd name="connsiteX52" fmla="*/ 7348538 w 7348538"/>
              <a:gd name="connsiteY52" fmla="*/ 2927019 h 3810000"/>
              <a:gd name="connsiteX53" fmla="*/ 7348538 w 7348538"/>
              <a:gd name="connsiteY53" fmla="*/ 3195713 h 3810000"/>
              <a:gd name="connsiteX54" fmla="*/ 7348538 w 7348538"/>
              <a:gd name="connsiteY54" fmla="*/ 3482313 h 3810000"/>
              <a:gd name="connsiteX55" fmla="*/ 7020575 w 7348538"/>
              <a:gd name="connsiteY55" fmla="*/ 3810000 h 3810000"/>
              <a:gd name="connsiteX56" fmla="*/ 7018941 w 7348538"/>
              <a:gd name="connsiteY56" fmla="*/ 3810000 h 3810000"/>
              <a:gd name="connsiteX57" fmla="*/ 7007503 w 7348538"/>
              <a:gd name="connsiteY57" fmla="*/ 3810000 h 3810000"/>
              <a:gd name="connsiteX58" fmla="*/ 6976456 w 7348538"/>
              <a:gd name="connsiteY58" fmla="*/ 3810000 h 3810000"/>
              <a:gd name="connsiteX59" fmla="*/ 6915998 w 7348538"/>
              <a:gd name="connsiteY59" fmla="*/ 3810000 h 3810000"/>
              <a:gd name="connsiteX60" fmla="*/ 6816323 w 7348538"/>
              <a:gd name="connsiteY60" fmla="*/ 3810000 h 3810000"/>
              <a:gd name="connsiteX61" fmla="*/ 6748715 w 7348538"/>
              <a:gd name="connsiteY61" fmla="*/ 3810000 h 3810000"/>
              <a:gd name="connsiteX62" fmla="*/ 6667627 w 7348538"/>
              <a:gd name="connsiteY62" fmla="*/ 3810000 h 3810000"/>
              <a:gd name="connsiteX63" fmla="*/ 6571833 w 7348538"/>
              <a:gd name="connsiteY63" fmla="*/ 3810000 h 3810000"/>
              <a:gd name="connsiteX64" fmla="*/ 6460107 w 7348538"/>
              <a:gd name="connsiteY64" fmla="*/ 3810000 h 3810000"/>
              <a:gd name="connsiteX65" fmla="*/ 6331224 w 7348538"/>
              <a:gd name="connsiteY65" fmla="*/ 3810000 h 3810000"/>
              <a:gd name="connsiteX66" fmla="*/ 6183959 w 7348538"/>
              <a:gd name="connsiteY66" fmla="*/ 3810000 h 3810000"/>
              <a:gd name="connsiteX67" fmla="*/ 6017085 w 7348538"/>
              <a:gd name="connsiteY67" fmla="*/ 3810000 h 3810000"/>
              <a:gd name="connsiteX68" fmla="*/ 5829377 w 7348538"/>
              <a:gd name="connsiteY68" fmla="*/ 3810000 h 3810000"/>
              <a:gd name="connsiteX69" fmla="*/ 5619611 w 7348538"/>
              <a:gd name="connsiteY69" fmla="*/ 3810000 h 3810000"/>
              <a:gd name="connsiteX70" fmla="*/ 5386559 w 7348538"/>
              <a:gd name="connsiteY70" fmla="*/ 3810000 h 3810000"/>
              <a:gd name="connsiteX71" fmla="*/ 5128997 w 7348538"/>
              <a:gd name="connsiteY71" fmla="*/ 3810000 h 3810000"/>
              <a:gd name="connsiteX72" fmla="*/ 4845700 w 7348538"/>
              <a:gd name="connsiteY72" fmla="*/ 3810000 h 3810000"/>
              <a:gd name="connsiteX73" fmla="*/ 4535441 w 7348538"/>
              <a:gd name="connsiteY73" fmla="*/ 3810000 h 3810000"/>
              <a:gd name="connsiteX74" fmla="*/ 4196996 w 7348538"/>
              <a:gd name="connsiteY74" fmla="*/ 3810000 h 3810000"/>
              <a:gd name="connsiteX75" fmla="*/ 3829138 w 7348538"/>
              <a:gd name="connsiteY75" fmla="*/ 3810000 h 3810000"/>
              <a:gd name="connsiteX76" fmla="*/ 3430642 w 7348538"/>
              <a:gd name="connsiteY76" fmla="*/ 3810000 h 3810000"/>
              <a:gd name="connsiteX77" fmla="*/ 3000283 w 7348538"/>
              <a:gd name="connsiteY77" fmla="*/ 3810000 h 3810000"/>
              <a:gd name="connsiteX78" fmla="*/ 2536835 w 7348538"/>
              <a:gd name="connsiteY78" fmla="*/ 3810000 h 3810000"/>
              <a:gd name="connsiteX79" fmla="*/ 2039073 w 7348538"/>
              <a:gd name="connsiteY79" fmla="*/ 3810000 h 3810000"/>
              <a:gd name="connsiteX80" fmla="*/ 1505771 w 7348538"/>
              <a:gd name="connsiteY80" fmla="*/ 3810000 h 3810000"/>
              <a:gd name="connsiteX81" fmla="*/ 935704 w 7348538"/>
              <a:gd name="connsiteY81" fmla="*/ 3810000 h 3810000"/>
              <a:gd name="connsiteX82" fmla="*/ 327646 w 7348538"/>
              <a:gd name="connsiteY82" fmla="*/ 3810000 h 3810000"/>
              <a:gd name="connsiteX83" fmla="*/ 0 w 7348538"/>
              <a:gd name="connsiteY83" fmla="*/ 3482313 h 3810000"/>
              <a:gd name="connsiteX84" fmla="*/ 0 w 7348538"/>
              <a:gd name="connsiteY84" fmla="*/ 3481543 h 3810000"/>
              <a:gd name="connsiteX85" fmla="*/ 0 w 7348538"/>
              <a:gd name="connsiteY85" fmla="*/ 3476152 h 3810000"/>
              <a:gd name="connsiteX86" fmla="*/ 0 w 7348538"/>
              <a:gd name="connsiteY86" fmla="*/ 3461519 h 3810000"/>
              <a:gd name="connsiteX87" fmla="*/ 0 w 7348538"/>
              <a:gd name="connsiteY87" fmla="*/ 3433022 h 3810000"/>
              <a:gd name="connsiteX88" fmla="*/ 0 w 7348538"/>
              <a:gd name="connsiteY88" fmla="*/ 3386042 h 3810000"/>
              <a:gd name="connsiteX89" fmla="*/ 0 w 7348538"/>
              <a:gd name="connsiteY89" fmla="*/ 3315956 h 3810000"/>
              <a:gd name="connsiteX90" fmla="*/ 0 w 7348538"/>
              <a:gd name="connsiteY90" fmla="*/ 3270805 h 3810000"/>
              <a:gd name="connsiteX91" fmla="*/ 0 w 7348538"/>
              <a:gd name="connsiteY91" fmla="*/ 3218144 h 3810000"/>
              <a:gd name="connsiteX92" fmla="*/ 0 w 7348538"/>
              <a:gd name="connsiteY92" fmla="*/ 3157397 h 3810000"/>
              <a:gd name="connsiteX93" fmla="*/ 0 w 7348538"/>
              <a:gd name="connsiteY93" fmla="*/ 3087985 h 3810000"/>
              <a:gd name="connsiteX94" fmla="*/ 0 w 7348538"/>
              <a:gd name="connsiteY94" fmla="*/ 3009331 h 3810000"/>
              <a:gd name="connsiteX95" fmla="*/ 0 w 7348538"/>
              <a:gd name="connsiteY95" fmla="*/ 2920858 h 3810000"/>
              <a:gd name="connsiteX96" fmla="*/ 0 w 7348538"/>
              <a:gd name="connsiteY96" fmla="*/ 2821987 h 3810000"/>
              <a:gd name="connsiteX97" fmla="*/ 0 w 7348538"/>
              <a:gd name="connsiteY97" fmla="*/ 2712141 h 3810000"/>
              <a:gd name="connsiteX98" fmla="*/ 0 w 7348538"/>
              <a:gd name="connsiteY98" fmla="*/ 2590743 h 3810000"/>
              <a:gd name="connsiteX99" fmla="*/ 0 w 7348538"/>
              <a:gd name="connsiteY99" fmla="*/ 2457214 h 3810000"/>
              <a:gd name="connsiteX100" fmla="*/ 0 w 7348538"/>
              <a:gd name="connsiteY100" fmla="*/ 2310977 h 3810000"/>
              <a:gd name="connsiteX101" fmla="*/ 0 w 7348538"/>
              <a:gd name="connsiteY101" fmla="*/ 2151455 h 3810000"/>
              <a:gd name="connsiteX102" fmla="*/ 0 w 7348538"/>
              <a:gd name="connsiteY102" fmla="*/ 1978070 h 3810000"/>
              <a:gd name="connsiteX103" fmla="*/ 0 w 7348538"/>
              <a:gd name="connsiteY103" fmla="*/ 1790245 h 3810000"/>
              <a:gd name="connsiteX104" fmla="*/ 0 w 7348538"/>
              <a:gd name="connsiteY104" fmla="*/ 1587400 h 3810000"/>
              <a:gd name="connsiteX105" fmla="*/ 0 w 7348538"/>
              <a:gd name="connsiteY105" fmla="*/ 1368960 h 3810000"/>
              <a:gd name="connsiteX106" fmla="*/ 0 w 7348538"/>
              <a:gd name="connsiteY106" fmla="*/ 1134347 h 3810000"/>
              <a:gd name="connsiteX107" fmla="*/ 0 w 7348538"/>
              <a:gd name="connsiteY107" fmla="*/ 882982 h 3810000"/>
              <a:gd name="connsiteX108" fmla="*/ 0 w 7348538"/>
              <a:gd name="connsiteY108" fmla="*/ 614288 h 3810000"/>
              <a:gd name="connsiteX109" fmla="*/ 0 w 7348538"/>
              <a:gd name="connsiteY109" fmla="*/ 327687 h 3810000"/>
              <a:gd name="connsiteX110" fmla="*/ 327646 w 7348538"/>
              <a:gd name="connsiteY110" fmla="*/ 0 h 38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</a:cxnLst>
            <a:rect l="l" t="t" r="r" b="b"/>
            <a:pathLst>
              <a:path w="7348538" h="3810000">
                <a:moveTo>
                  <a:pt x="327646" y="0"/>
                </a:moveTo>
                <a:lnTo>
                  <a:pt x="329280" y="0"/>
                </a:lnTo>
                <a:lnTo>
                  <a:pt x="340718" y="0"/>
                </a:lnTo>
                <a:lnTo>
                  <a:pt x="371765" y="0"/>
                </a:lnTo>
                <a:lnTo>
                  <a:pt x="432223" y="0"/>
                </a:lnTo>
                <a:lnTo>
                  <a:pt x="531898" y="0"/>
                </a:lnTo>
                <a:lnTo>
                  <a:pt x="599505" y="0"/>
                </a:lnTo>
                <a:lnTo>
                  <a:pt x="680593" y="0"/>
                </a:lnTo>
                <a:lnTo>
                  <a:pt x="776388" y="0"/>
                </a:lnTo>
                <a:lnTo>
                  <a:pt x="888113" y="0"/>
                </a:lnTo>
                <a:lnTo>
                  <a:pt x="1016997" y="0"/>
                </a:lnTo>
                <a:lnTo>
                  <a:pt x="1164262" y="0"/>
                </a:lnTo>
                <a:lnTo>
                  <a:pt x="1331136" y="0"/>
                </a:lnTo>
                <a:lnTo>
                  <a:pt x="1518844" y="0"/>
                </a:lnTo>
                <a:lnTo>
                  <a:pt x="1728610" y="0"/>
                </a:lnTo>
                <a:lnTo>
                  <a:pt x="1961662" y="0"/>
                </a:lnTo>
                <a:lnTo>
                  <a:pt x="2219224" y="0"/>
                </a:lnTo>
                <a:lnTo>
                  <a:pt x="2502521" y="0"/>
                </a:lnTo>
                <a:lnTo>
                  <a:pt x="2812780" y="0"/>
                </a:lnTo>
                <a:lnTo>
                  <a:pt x="3151225" y="0"/>
                </a:lnTo>
                <a:lnTo>
                  <a:pt x="3519083" y="0"/>
                </a:lnTo>
                <a:lnTo>
                  <a:pt x="3917579" y="0"/>
                </a:lnTo>
                <a:lnTo>
                  <a:pt x="4347938" y="0"/>
                </a:lnTo>
                <a:lnTo>
                  <a:pt x="4811385" y="0"/>
                </a:lnTo>
                <a:lnTo>
                  <a:pt x="5309148" y="0"/>
                </a:lnTo>
                <a:lnTo>
                  <a:pt x="5842449" y="0"/>
                </a:lnTo>
                <a:lnTo>
                  <a:pt x="6412517" y="0"/>
                </a:lnTo>
                <a:lnTo>
                  <a:pt x="7020575" y="0"/>
                </a:lnTo>
                <a:cubicBezTo>
                  <a:pt x="7201542" y="0"/>
                  <a:pt x="7348538" y="146697"/>
                  <a:pt x="7348538" y="327687"/>
                </a:cubicBezTo>
                <a:lnTo>
                  <a:pt x="7348538" y="328458"/>
                </a:lnTo>
                <a:lnTo>
                  <a:pt x="7348538" y="333849"/>
                </a:lnTo>
                <a:lnTo>
                  <a:pt x="7348538" y="348482"/>
                </a:lnTo>
                <a:lnTo>
                  <a:pt x="7348538" y="376978"/>
                </a:lnTo>
                <a:lnTo>
                  <a:pt x="7348538" y="423959"/>
                </a:lnTo>
                <a:lnTo>
                  <a:pt x="7348538" y="494045"/>
                </a:lnTo>
                <a:lnTo>
                  <a:pt x="7348538" y="539196"/>
                </a:lnTo>
                <a:lnTo>
                  <a:pt x="7348538" y="591857"/>
                </a:lnTo>
                <a:lnTo>
                  <a:pt x="7348538" y="652604"/>
                </a:lnTo>
                <a:lnTo>
                  <a:pt x="7348538" y="722016"/>
                </a:lnTo>
                <a:lnTo>
                  <a:pt x="7348538" y="800670"/>
                </a:lnTo>
                <a:lnTo>
                  <a:pt x="7348538" y="889143"/>
                </a:lnTo>
                <a:lnTo>
                  <a:pt x="7348538" y="988014"/>
                </a:lnTo>
                <a:lnTo>
                  <a:pt x="7348538" y="1097860"/>
                </a:lnTo>
                <a:lnTo>
                  <a:pt x="7348538" y="1219258"/>
                </a:lnTo>
                <a:lnTo>
                  <a:pt x="7348538" y="1352787"/>
                </a:lnTo>
                <a:lnTo>
                  <a:pt x="7348538" y="1499023"/>
                </a:lnTo>
                <a:lnTo>
                  <a:pt x="7348538" y="1658545"/>
                </a:lnTo>
                <a:lnTo>
                  <a:pt x="7348538" y="1831930"/>
                </a:lnTo>
                <a:lnTo>
                  <a:pt x="7348538" y="2019756"/>
                </a:lnTo>
                <a:lnTo>
                  <a:pt x="7348538" y="2222600"/>
                </a:lnTo>
                <a:lnTo>
                  <a:pt x="7348538" y="2441040"/>
                </a:lnTo>
                <a:lnTo>
                  <a:pt x="7348538" y="2675654"/>
                </a:lnTo>
                <a:lnTo>
                  <a:pt x="7348538" y="2927019"/>
                </a:lnTo>
                <a:lnTo>
                  <a:pt x="7348538" y="3195713"/>
                </a:lnTo>
                <a:lnTo>
                  <a:pt x="7348538" y="3482313"/>
                </a:lnTo>
                <a:cubicBezTo>
                  <a:pt x="7348538" y="3663303"/>
                  <a:pt x="7201542" y="3810000"/>
                  <a:pt x="7020575" y="3810000"/>
                </a:cubicBezTo>
                <a:lnTo>
                  <a:pt x="7018941" y="3810000"/>
                </a:lnTo>
                <a:lnTo>
                  <a:pt x="7007503" y="3810000"/>
                </a:lnTo>
                <a:lnTo>
                  <a:pt x="6976456" y="3810000"/>
                </a:lnTo>
                <a:lnTo>
                  <a:pt x="6915998" y="3810000"/>
                </a:lnTo>
                <a:lnTo>
                  <a:pt x="6816323" y="3810000"/>
                </a:lnTo>
                <a:lnTo>
                  <a:pt x="6748715" y="3810000"/>
                </a:lnTo>
                <a:lnTo>
                  <a:pt x="6667627" y="3810000"/>
                </a:lnTo>
                <a:lnTo>
                  <a:pt x="6571833" y="3810000"/>
                </a:lnTo>
                <a:lnTo>
                  <a:pt x="6460107" y="3810000"/>
                </a:lnTo>
                <a:lnTo>
                  <a:pt x="6331224" y="3810000"/>
                </a:lnTo>
                <a:lnTo>
                  <a:pt x="6183959" y="3810000"/>
                </a:lnTo>
                <a:lnTo>
                  <a:pt x="6017085" y="3810000"/>
                </a:lnTo>
                <a:lnTo>
                  <a:pt x="5829377" y="3810000"/>
                </a:lnTo>
                <a:lnTo>
                  <a:pt x="5619611" y="3810000"/>
                </a:lnTo>
                <a:lnTo>
                  <a:pt x="5386559" y="3810000"/>
                </a:lnTo>
                <a:lnTo>
                  <a:pt x="5128997" y="3810000"/>
                </a:lnTo>
                <a:lnTo>
                  <a:pt x="4845700" y="3810000"/>
                </a:lnTo>
                <a:lnTo>
                  <a:pt x="4535441" y="3810000"/>
                </a:lnTo>
                <a:lnTo>
                  <a:pt x="4196996" y="3810000"/>
                </a:lnTo>
                <a:lnTo>
                  <a:pt x="3829138" y="3810000"/>
                </a:lnTo>
                <a:lnTo>
                  <a:pt x="3430642" y="3810000"/>
                </a:lnTo>
                <a:lnTo>
                  <a:pt x="3000283" y="3810000"/>
                </a:lnTo>
                <a:lnTo>
                  <a:pt x="2536835" y="3810000"/>
                </a:lnTo>
                <a:lnTo>
                  <a:pt x="2039073" y="3810000"/>
                </a:lnTo>
                <a:lnTo>
                  <a:pt x="1505771" y="3810000"/>
                </a:lnTo>
                <a:lnTo>
                  <a:pt x="935704" y="3810000"/>
                </a:lnTo>
                <a:lnTo>
                  <a:pt x="327646" y="3810000"/>
                </a:lnTo>
                <a:cubicBezTo>
                  <a:pt x="146679" y="3810000"/>
                  <a:pt x="0" y="3663303"/>
                  <a:pt x="0" y="3482313"/>
                </a:cubicBezTo>
                <a:lnTo>
                  <a:pt x="0" y="3481543"/>
                </a:lnTo>
                <a:lnTo>
                  <a:pt x="0" y="3476152"/>
                </a:lnTo>
                <a:lnTo>
                  <a:pt x="0" y="3461519"/>
                </a:lnTo>
                <a:lnTo>
                  <a:pt x="0" y="3433022"/>
                </a:lnTo>
                <a:lnTo>
                  <a:pt x="0" y="3386042"/>
                </a:lnTo>
                <a:lnTo>
                  <a:pt x="0" y="3315956"/>
                </a:lnTo>
                <a:lnTo>
                  <a:pt x="0" y="3270805"/>
                </a:lnTo>
                <a:lnTo>
                  <a:pt x="0" y="3218144"/>
                </a:lnTo>
                <a:lnTo>
                  <a:pt x="0" y="3157397"/>
                </a:lnTo>
                <a:lnTo>
                  <a:pt x="0" y="3087985"/>
                </a:lnTo>
                <a:lnTo>
                  <a:pt x="0" y="3009331"/>
                </a:lnTo>
                <a:lnTo>
                  <a:pt x="0" y="2920858"/>
                </a:lnTo>
                <a:lnTo>
                  <a:pt x="0" y="2821987"/>
                </a:lnTo>
                <a:lnTo>
                  <a:pt x="0" y="2712141"/>
                </a:lnTo>
                <a:lnTo>
                  <a:pt x="0" y="2590743"/>
                </a:lnTo>
                <a:lnTo>
                  <a:pt x="0" y="2457214"/>
                </a:lnTo>
                <a:lnTo>
                  <a:pt x="0" y="2310977"/>
                </a:lnTo>
                <a:lnTo>
                  <a:pt x="0" y="2151455"/>
                </a:lnTo>
                <a:lnTo>
                  <a:pt x="0" y="1978070"/>
                </a:lnTo>
                <a:lnTo>
                  <a:pt x="0" y="1790245"/>
                </a:lnTo>
                <a:lnTo>
                  <a:pt x="0" y="1587400"/>
                </a:lnTo>
                <a:lnTo>
                  <a:pt x="0" y="1368960"/>
                </a:lnTo>
                <a:lnTo>
                  <a:pt x="0" y="1134347"/>
                </a:lnTo>
                <a:lnTo>
                  <a:pt x="0" y="882982"/>
                </a:lnTo>
                <a:lnTo>
                  <a:pt x="0" y="614288"/>
                </a:lnTo>
                <a:lnTo>
                  <a:pt x="0" y="327687"/>
                </a:lnTo>
                <a:cubicBezTo>
                  <a:pt x="0" y="146697"/>
                  <a:pt x="146679" y="0"/>
                  <a:pt x="327646" y="0"/>
                </a:cubicBezTo>
                <a:close/>
              </a:path>
            </a:pathLst>
          </a:custGeom>
          <a:solidFill>
            <a:srgbClr val="0000FF">
              <a:alpha val="30196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0" lvl="0"/>
            <a:r>
              <a:rPr lang="en-GB" dirty="0"/>
              <a:t> </a:t>
            </a:r>
          </a:p>
        </p:txBody>
      </p:sp>
      <p:sp>
        <p:nvSpPr>
          <p:cNvPr id="25" name="Frame 3">
            <a:extLst>
              <a:ext uri="{FF2B5EF4-FFF2-40B4-BE49-F238E27FC236}">
                <a16:creationId xmlns:a16="http://schemas.microsoft.com/office/drawing/2014/main" id="{B36E2B8E-BE1D-D7E4-6507-86E6C56A5678}"/>
              </a:ext>
            </a:extLst>
          </p:cNvPr>
          <p:cNvSpPr>
            <a:spLocks noGrp="1" noSelect="1"/>
          </p:cNvSpPr>
          <p:nvPr>
            <p:ph type="body" sz="quarter" idx="1023" hasCustomPrompt="1"/>
          </p:nvPr>
        </p:nvSpPr>
        <p:spPr>
          <a:xfrm>
            <a:off x="1182689" y="1809750"/>
            <a:ext cx="4906962" cy="3810000"/>
          </a:xfrm>
          <a:custGeom>
            <a:avLst/>
            <a:gdLst>
              <a:gd name="connsiteX0" fmla="*/ 327638 w 4906962"/>
              <a:gd name="connsiteY0" fmla="*/ 0 h 3810000"/>
              <a:gd name="connsiteX1" fmla="*/ 328676 w 4906962"/>
              <a:gd name="connsiteY1" fmla="*/ 0 h 3810000"/>
              <a:gd name="connsiteX2" fmla="*/ 335941 w 4906962"/>
              <a:gd name="connsiteY2" fmla="*/ 0 h 3810000"/>
              <a:gd name="connsiteX3" fmla="*/ 355662 w 4906962"/>
              <a:gd name="connsiteY3" fmla="*/ 0 h 3810000"/>
              <a:gd name="connsiteX4" fmla="*/ 394066 w 4906962"/>
              <a:gd name="connsiteY4" fmla="*/ 0 h 3810000"/>
              <a:gd name="connsiteX5" fmla="*/ 457379 w 4906962"/>
              <a:gd name="connsiteY5" fmla="*/ 0 h 3810000"/>
              <a:gd name="connsiteX6" fmla="*/ 551831 w 4906962"/>
              <a:gd name="connsiteY6" fmla="*/ 0 h 3810000"/>
              <a:gd name="connsiteX7" fmla="*/ 612680 w 4906962"/>
              <a:gd name="connsiteY7" fmla="*/ 0 h 3810000"/>
              <a:gd name="connsiteX8" fmla="*/ 683649 w 4906962"/>
              <a:gd name="connsiteY8" fmla="*/ 0 h 3810000"/>
              <a:gd name="connsiteX9" fmla="*/ 765515 w 4906962"/>
              <a:gd name="connsiteY9" fmla="*/ 0 h 3810000"/>
              <a:gd name="connsiteX10" fmla="*/ 859059 w 4906962"/>
              <a:gd name="connsiteY10" fmla="*/ 0 h 3810000"/>
              <a:gd name="connsiteX11" fmla="*/ 965058 w 4906962"/>
              <a:gd name="connsiteY11" fmla="*/ 0 h 3810000"/>
              <a:gd name="connsiteX12" fmla="*/ 1084290 w 4906962"/>
              <a:gd name="connsiteY12" fmla="*/ 0 h 3810000"/>
              <a:gd name="connsiteX13" fmla="*/ 1217535 w 4906962"/>
              <a:gd name="connsiteY13" fmla="*/ 0 h 3810000"/>
              <a:gd name="connsiteX14" fmla="*/ 1365570 w 4906962"/>
              <a:gd name="connsiteY14" fmla="*/ 0 h 3810000"/>
              <a:gd name="connsiteX15" fmla="*/ 1529174 w 4906962"/>
              <a:gd name="connsiteY15" fmla="*/ 0 h 3810000"/>
              <a:gd name="connsiteX16" fmla="*/ 1709125 w 4906962"/>
              <a:gd name="connsiteY16" fmla="*/ 0 h 3810000"/>
              <a:gd name="connsiteX17" fmla="*/ 1906202 w 4906962"/>
              <a:gd name="connsiteY17" fmla="*/ 0 h 3810000"/>
              <a:gd name="connsiteX18" fmla="*/ 2121184 w 4906962"/>
              <a:gd name="connsiteY18" fmla="*/ 0 h 3810000"/>
              <a:gd name="connsiteX19" fmla="*/ 2354848 w 4906962"/>
              <a:gd name="connsiteY19" fmla="*/ 0 h 3810000"/>
              <a:gd name="connsiteX20" fmla="*/ 2607974 w 4906962"/>
              <a:gd name="connsiteY20" fmla="*/ 0 h 3810000"/>
              <a:gd name="connsiteX21" fmla="*/ 2881339 w 4906962"/>
              <a:gd name="connsiteY21" fmla="*/ 0 h 3810000"/>
              <a:gd name="connsiteX22" fmla="*/ 3175722 w 4906962"/>
              <a:gd name="connsiteY22" fmla="*/ 0 h 3810000"/>
              <a:gd name="connsiteX23" fmla="*/ 3491902 w 4906962"/>
              <a:gd name="connsiteY23" fmla="*/ 0 h 3810000"/>
              <a:gd name="connsiteX24" fmla="*/ 3830657 w 4906962"/>
              <a:gd name="connsiteY24" fmla="*/ 0 h 3810000"/>
              <a:gd name="connsiteX25" fmla="*/ 4192766 w 4906962"/>
              <a:gd name="connsiteY25" fmla="*/ 0 h 3810000"/>
              <a:gd name="connsiteX26" fmla="*/ 4579006 w 4906962"/>
              <a:gd name="connsiteY26" fmla="*/ 0 h 3810000"/>
              <a:gd name="connsiteX27" fmla="*/ 4906962 w 4906962"/>
              <a:gd name="connsiteY27" fmla="*/ 327687 h 3810000"/>
              <a:gd name="connsiteX28" fmla="*/ 4906962 w 4906962"/>
              <a:gd name="connsiteY28" fmla="*/ 3482313 h 3810000"/>
              <a:gd name="connsiteX29" fmla="*/ 4579006 w 4906962"/>
              <a:gd name="connsiteY29" fmla="*/ 3810000 h 3810000"/>
              <a:gd name="connsiteX30" fmla="*/ 4577968 w 4906962"/>
              <a:gd name="connsiteY30" fmla="*/ 3810000 h 3810000"/>
              <a:gd name="connsiteX31" fmla="*/ 4570702 w 4906962"/>
              <a:gd name="connsiteY31" fmla="*/ 3810000 h 3810000"/>
              <a:gd name="connsiteX32" fmla="*/ 4550982 w 4906962"/>
              <a:gd name="connsiteY32" fmla="*/ 3810000 h 3810000"/>
              <a:gd name="connsiteX33" fmla="*/ 4512578 w 4906962"/>
              <a:gd name="connsiteY33" fmla="*/ 3810000 h 3810000"/>
              <a:gd name="connsiteX34" fmla="*/ 4449264 w 4906962"/>
              <a:gd name="connsiteY34" fmla="*/ 3810000 h 3810000"/>
              <a:gd name="connsiteX35" fmla="*/ 4354813 w 4906962"/>
              <a:gd name="connsiteY35" fmla="*/ 3810000 h 3810000"/>
              <a:gd name="connsiteX36" fmla="*/ 4293964 w 4906962"/>
              <a:gd name="connsiteY36" fmla="*/ 3810000 h 3810000"/>
              <a:gd name="connsiteX37" fmla="*/ 4222995 w 4906962"/>
              <a:gd name="connsiteY37" fmla="*/ 3810000 h 3810000"/>
              <a:gd name="connsiteX38" fmla="*/ 4141128 w 4906962"/>
              <a:gd name="connsiteY38" fmla="*/ 3810000 h 3810000"/>
              <a:gd name="connsiteX39" fmla="*/ 4047585 w 4906962"/>
              <a:gd name="connsiteY39" fmla="*/ 3810000 h 3810000"/>
              <a:gd name="connsiteX40" fmla="*/ 3941586 w 4906962"/>
              <a:gd name="connsiteY40" fmla="*/ 3810000 h 3810000"/>
              <a:gd name="connsiteX41" fmla="*/ 3822354 w 4906962"/>
              <a:gd name="connsiteY41" fmla="*/ 3810000 h 3810000"/>
              <a:gd name="connsiteX42" fmla="*/ 3689109 w 4906962"/>
              <a:gd name="connsiteY42" fmla="*/ 3810000 h 3810000"/>
              <a:gd name="connsiteX43" fmla="*/ 3541074 w 4906962"/>
              <a:gd name="connsiteY43" fmla="*/ 3810000 h 3810000"/>
              <a:gd name="connsiteX44" fmla="*/ 3377470 w 4906962"/>
              <a:gd name="connsiteY44" fmla="*/ 3810000 h 3810000"/>
              <a:gd name="connsiteX45" fmla="*/ 3197519 w 4906962"/>
              <a:gd name="connsiteY45" fmla="*/ 3810000 h 3810000"/>
              <a:gd name="connsiteX46" fmla="*/ 3000442 w 4906962"/>
              <a:gd name="connsiteY46" fmla="*/ 3810000 h 3810000"/>
              <a:gd name="connsiteX47" fmla="*/ 2785460 w 4906962"/>
              <a:gd name="connsiteY47" fmla="*/ 3810000 h 3810000"/>
              <a:gd name="connsiteX48" fmla="*/ 2551796 w 4906962"/>
              <a:gd name="connsiteY48" fmla="*/ 3810000 h 3810000"/>
              <a:gd name="connsiteX49" fmla="*/ 2298670 w 4906962"/>
              <a:gd name="connsiteY49" fmla="*/ 3810000 h 3810000"/>
              <a:gd name="connsiteX50" fmla="*/ 2025305 w 4906962"/>
              <a:gd name="connsiteY50" fmla="*/ 3810000 h 3810000"/>
              <a:gd name="connsiteX51" fmla="*/ 1730922 w 4906962"/>
              <a:gd name="connsiteY51" fmla="*/ 3810000 h 3810000"/>
              <a:gd name="connsiteX52" fmla="*/ 1414742 w 4906962"/>
              <a:gd name="connsiteY52" fmla="*/ 3810000 h 3810000"/>
              <a:gd name="connsiteX53" fmla="*/ 1075987 w 4906962"/>
              <a:gd name="connsiteY53" fmla="*/ 3810000 h 3810000"/>
              <a:gd name="connsiteX54" fmla="*/ 713878 w 4906962"/>
              <a:gd name="connsiteY54" fmla="*/ 3810000 h 3810000"/>
              <a:gd name="connsiteX55" fmla="*/ 327638 w 4906962"/>
              <a:gd name="connsiteY55" fmla="*/ 3810000 h 3810000"/>
              <a:gd name="connsiteX56" fmla="*/ 6655 w 4906962"/>
              <a:gd name="connsiteY56" fmla="*/ 3548358 h 3810000"/>
              <a:gd name="connsiteX57" fmla="*/ 0 w 4906962"/>
              <a:gd name="connsiteY57" fmla="*/ 3482323 h 3810000"/>
              <a:gd name="connsiteX58" fmla="*/ 0 w 4906962"/>
              <a:gd name="connsiteY58" fmla="*/ 327677 h 3810000"/>
              <a:gd name="connsiteX59" fmla="*/ 6655 w 4906962"/>
              <a:gd name="connsiteY59" fmla="*/ 261643 h 3810000"/>
              <a:gd name="connsiteX60" fmla="*/ 327638 w 4906962"/>
              <a:gd name="connsiteY60" fmla="*/ 0 h 38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</a:cxnLst>
            <a:rect l="l" t="t" r="r" b="b"/>
            <a:pathLst>
              <a:path w="4906962" h="3810000">
                <a:moveTo>
                  <a:pt x="327638" y="0"/>
                </a:moveTo>
                <a:lnTo>
                  <a:pt x="328676" y="0"/>
                </a:lnTo>
                <a:lnTo>
                  <a:pt x="335941" y="0"/>
                </a:lnTo>
                <a:lnTo>
                  <a:pt x="355662" y="0"/>
                </a:lnTo>
                <a:lnTo>
                  <a:pt x="394066" y="0"/>
                </a:lnTo>
                <a:lnTo>
                  <a:pt x="457379" y="0"/>
                </a:lnTo>
                <a:lnTo>
                  <a:pt x="551831" y="0"/>
                </a:lnTo>
                <a:lnTo>
                  <a:pt x="612680" y="0"/>
                </a:lnTo>
                <a:lnTo>
                  <a:pt x="683649" y="0"/>
                </a:lnTo>
                <a:lnTo>
                  <a:pt x="765515" y="0"/>
                </a:lnTo>
                <a:lnTo>
                  <a:pt x="859059" y="0"/>
                </a:lnTo>
                <a:lnTo>
                  <a:pt x="965058" y="0"/>
                </a:lnTo>
                <a:lnTo>
                  <a:pt x="1084290" y="0"/>
                </a:lnTo>
                <a:lnTo>
                  <a:pt x="1217535" y="0"/>
                </a:lnTo>
                <a:lnTo>
                  <a:pt x="1365570" y="0"/>
                </a:lnTo>
                <a:lnTo>
                  <a:pt x="1529174" y="0"/>
                </a:lnTo>
                <a:lnTo>
                  <a:pt x="1709125" y="0"/>
                </a:lnTo>
                <a:lnTo>
                  <a:pt x="1906202" y="0"/>
                </a:lnTo>
                <a:lnTo>
                  <a:pt x="2121184" y="0"/>
                </a:lnTo>
                <a:lnTo>
                  <a:pt x="2354848" y="0"/>
                </a:lnTo>
                <a:lnTo>
                  <a:pt x="2607974" y="0"/>
                </a:lnTo>
                <a:lnTo>
                  <a:pt x="2881339" y="0"/>
                </a:lnTo>
                <a:lnTo>
                  <a:pt x="3175722" y="0"/>
                </a:lnTo>
                <a:lnTo>
                  <a:pt x="3491902" y="0"/>
                </a:lnTo>
                <a:lnTo>
                  <a:pt x="3830657" y="0"/>
                </a:lnTo>
                <a:lnTo>
                  <a:pt x="4192766" y="0"/>
                </a:lnTo>
                <a:lnTo>
                  <a:pt x="4579006" y="0"/>
                </a:lnTo>
                <a:cubicBezTo>
                  <a:pt x="4759969" y="0"/>
                  <a:pt x="4906962" y="146697"/>
                  <a:pt x="4906962" y="327687"/>
                </a:cubicBezTo>
                <a:cubicBezTo>
                  <a:pt x="4906962" y="327687"/>
                  <a:pt x="4906962" y="327687"/>
                  <a:pt x="4906962" y="3482313"/>
                </a:cubicBezTo>
                <a:cubicBezTo>
                  <a:pt x="4906962" y="3663303"/>
                  <a:pt x="4759969" y="3810000"/>
                  <a:pt x="4579006" y="3810000"/>
                </a:cubicBezTo>
                <a:lnTo>
                  <a:pt x="4577968" y="3810000"/>
                </a:lnTo>
                <a:lnTo>
                  <a:pt x="4570702" y="3810000"/>
                </a:lnTo>
                <a:lnTo>
                  <a:pt x="4550982" y="3810000"/>
                </a:lnTo>
                <a:lnTo>
                  <a:pt x="4512578" y="3810000"/>
                </a:lnTo>
                <a:lnTo>
                  <a:pt x="4449264" y="3810000"/>
                </a:lnTo>
                <a:lnTo>
                  <a:pt x="4354813" y="3810000"/>
                </a:lnTo>
                <a:lnTo>
                  <a:pt x="4293964" y="3810000"/>
                </a:lnTo>
                <a:lnTo>
                  <a:pt x="4222995" y="3810000"/>
                </a:lnTo>
                <a:lnTo>
                  <a:pt x="4141128" y="3810000"/>
                </a:lnTo>
                <a:lnTo>
                  <a:pt x="4047585" y="3810000"/>
                </a:lnTo>
                <a:lnTo>
                  <a:pt x="3941586" y="3810000"/>
                </a:lnTo>
                <a:lnTo>
                  <a:pt x="3822354" y="3810000"/>
                </a:lnTo>
                <a:lnTo>
                  <a:pt x="3689109" y="3810000"/>
                </a:lnTo>
                <a:lnTo>
                  <a:pt x="3541074" y="3810000"/>
                </a:lnTo>
                <a:lnTo>
                  <a:pt x="3377470" y="3810000"/>
                </a:lnTo>
                <a:lnTo>
                  <a:pt x="3197519" y="3810000"/>
                </a:lnTo>
                <a:lnTo>
                  <a:pt x="3000442" y="3810000"/>
                </a:lnTo>
                <a:lnTo>
                  <a:pt x="2785460" y="3810000"/>
                </a:lnTo>
                <a:lnTo>
                  <a:pt x="2551796" y="3810000"/>
                </a:lnTo>
                <a:lnTo>
                  <a:pt x="2298670" y="3810000"/>
                </a:lnTo>
                <a:lnTo>
                  <a:pt x="2025305" y="3810000"/>
                </a:lnTo>
                <a:lnTo>
                  <a:pt x="1730922" y="3810000"/>
                </a:lnTo>
                <a:lnTo>
                  <a:pt x="1414742" y="3810000"/>
                </a:lnTo>
                <a:lnTo>
                  <a:pt x="1075987" y="3810000"/>
                </a:lnTo>
                <a:lnTo>
                  <a:pt x="713878" y="3810000"/>
                </a:lnTo>
                <a:lnTo>
                  <a:pt x="327638" y="3810000"/>
                </a:lnTo>
                <a:cubicBezTo>
                  <a:pt x="169295" y="3810000"/>
                  <a:pt x="37204" y="3697685"/>
                  <a:pt x="6655" y="3548358"/>
                </a:cubicBezTo>
                <a:lnTo>
                  <a:pt x="0" y="3482323"/>
                </a:lnTo>
                <a:lnTo>
                  <a:pt x="0" y="327677"/>
                </a:lnTo>
                <a:lnTo>
                  <a:pt x="6655" y="261643"/>
                </a:lnTo>
                <a:cubicBezTo>
                  <a:pt x="37204" y="112315"/>
                  <a:pt x="169295" y="0"/>
                  <a:pt x="327638" y="0"/>
                </a:cubicBezTo>
                <a:close/>
              </a:path>
            </a:pathLst>
          </a:custGeom>
          <a:solidFill>
            <a:srgbClr val="0000FF">
              <a:alpha val="30196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0" lvl="0"/>
            <a:r>
              <a:rPr lang="en-GB" dirty="0"/>
              <a:t> </a:t>
            </a:r>
          </a:p>
        </p:txBody>
      </p:sp>
      <p:sp>
        <p:nvSpPr>
          <p:cNvPr id="27" name="Frame 4">
            <a:extLst>
              <a:ext uri="{FF2B5EF4-FFF2-40B4-BE49-F238E27FC236}">
                <a16:creationId xmlns:a16="http://schemas.microsoft.com/office/drawing/2014/main" id="{FFB2B0F6-3B97-1660-A90D-6083755C81AA}"/>
              </a:ext>
            </a:extLst>
          </p:cNvPr>
          <p:cNvSpPr>
            <a:spLocks noGrp="1" noSelect="1"/>
          </p:cNvSpPr>
          <p:nvPr>
            <p:ph type="body" sz="quarter" idx="1024" hasCustomPrompt="1"/>
          </p:nvPr>
        </p:nvSpPr>
        <p:spPr>
          <a:xfrm>
            <a:off x="1182689" y="1809750"/>
            <a:ext cx="2460624" cy="3810000"/>
          </a:xfrm>
          <a:custGeom>
            <a:avLst/>
            <a:gdLst>
              <a:gd name="connsiteX0" fmla="*/ 327532 w 2460624"/>
              <a:gd name="connsiteY0" fmla="*/ 0 h 3810000"/>
              <a:gd name="connsiteX1" fmla="*/ 331058 w 2460624"/>
              <a:gd name="connsiteY1" fmla="*/ 0 h 3810000"/>
              <a:gd name="connsiteX2" fmla="*/ 339432 w 2460624"/>
              <a:gd name="connsiteY2" fmla="*/ 0 h 3810000"/>
              <a:gd name="connsiteX3" fmla="*/ 355739 w 2460624"/>
              <a:gd name="connsiteY3" fmla="*/ 0 h 3810000"/>
              <a:gd name="connsiteX4" fmla="*/ 382624 w 2460624"/>
              <a:gd name="connsiteY4" fmla="*/ 0 h 3810000"/>
              <a:gd name="connsiteX5" fmla="*/ 422731 w 2460624"/>
              <a:gd name="connsiteY5" fmla="*/ 0 h 3810000"/>
              <a:gd name="connsiteX6" fmla="*/ 478704 w 2460624"/>
              <a:gd name="connsiteY6" fmla="*/ 0 h 3810000"/>
              <a:gd name="connsiteX7" fmla="*/ 553187 w 2460624"/>
              <a:gd name="connsiteY7" fmla="*/ 0 h 3810000"/>
              <a:gd name="connsiteX8" fmla="*/ 648827 w 2460624"/>
              <a:gd name="connsiteY8" fmla="*/ 0 h 3810000"/>
              <a:gd name="connsiteX9" fmla="*/ 768265 w 2460624"/>
              <a:gd name="connsiteY9" fmla="*/ 0 h 3810000"/>
              <a:gd name="connsiteX10" fmla="*/ 914148 w 2460624"/>
              <a:gd name="connsiteY10" fmla="*/ 0 h 3810000"/>
              <a:gd name="connsiteX11" fmla="*/ 997832 w 2460624"/>
              <a:gd name="connsiteY11" fmla="*/ 0 h 3810000"/>
              <a:gd name="connsiteX12" fmla="*/ 1089119 w 2460624"/>
              <a:gd name="connsiteY12" fmla="*/ 0 h 3810000"/>
              <a:gd name="connsiteX13" fmla="*/ 1188338 w 2460624"/>
              <a:gd name="connsiteY13" fmla="*/ 0 h 3810000"/>
              <a:gd name="connsiteX14" fmla="*/ 1295822 w 2460624"/>
              <a:gd name="connsiteY14" fmla="*/ 0 h 3810000"/>
              <a:gd name="connsiteX15" fmla="*/ 1411900 w 2460624"/>
              <a:gd name="connsiteY15" fmla="*/ 0 h 3810000"/>
              <a:gd name="connsiteX16" fmla="*/ 1536903 w 2460624"/>
              <a:gd name="connsiteY16" fmla="*/ 0 h 3810000"/>
              <a:gd name="connsiteX17" fmla="*/ 1671161 w 2460624"/>
              <a:gd name="connsiteY17" fmla="*/ 0 h 3810000"/>
              <a:gd name="connsiteX18" fmla="*/ 1815005 w 2460624"/>
              <a:gd name="connsiteY18" fmla="*/ 0 h 3810000"/>
              <a:gd name="connsiteX19" fmla="*/ 1968766 w 2460624"/>
              <a:gd name="connsiteY19" fmla="*/ 0 h 3810000"/>
              <a:gd name="connsiteX20" fmla="*/ 2132774 w 2460624"/>
              <a:gd name="connsiteY20" fmla="*/ 0 h 3810000"/>
              <a:gd name="connsiteX21" fmla="*/ 2460624 w 2460624"/>
              <a:gd name="connsiteY21" fmla="*/ 327687 h 3810000"/>
              <a:gd name="connsiteX22" fmla="*/ 2460624 w 2460624"/>
              <a:gd name="connsiteY22" fmla="*/ 3482313 h 3810000"/>
              <a:gd name="connsiteX23" fmla="*/ 2132774 w 2460624"/>
              <a:gd name="connsiteY23" fmla="*/ 3810000 h 3810000"/>
              <a:gd name="connsiteX24" fmla="*/ 2129248 w 2460624"/>
              <a:gd name="connsiteY24" fmla="*/ 3810000 h 3810000"/>
              <a:gd name="connsiteX25" fmla="*/ 2120874 w 2460624"/>
              <a:gd name="connsiteY25" fmla="*/ 3810000 h 3810000"/>
              <a:gd name="connsiteX26" fmla="*/ 2104567 w 2460624"/>
              <a:gd name="connsiteY26" fmla="*/ 3810000 h 3810000"/>
              <a:gd name="connsiteX27" fmla="*/ 2077682 w 2460624"/>
              <a:gd name="connsiteY27" fmla="*/ 3810000 h 3810000"/>
              <a:gd name="connsiteX28" fmla="*/ 2037575 w 2460624"/>
              <a:gd name="connsiteY28" fmla="*/ 3810000 h 3810000"/>
              <a:gd name="connsiteX29" fmla="*/ 1981602 w 2460624"/>
              <a:gd name="connsiteY29" fmla="*/ 3810000 h 3810000"/>
              <a:gd name="connsiteX30" fmla="*/ 1907118 w 2460624"/>
              <a:gd name="connsiteY30" fmla="*/ 3810000 h 3810000"/>
              <a:gd name="connsiteX31" fmla="*/ 1811479 w 2460624"/>
              <a:gd name="connsiteY31" fmla="*/ 3810000 h 3810000"/>
              <a:gd name="connsiteX32" fmla="*/ 1692041 w 2460624"/>
              <a:gd name="connsiteY32" fmla="*/ 3810000 h 3810000"/>
              <a:gd name="connsiteX33" fmla="*/ 1546158 w 2460624"/>
              <a:gd name="connsiteY33" fmla="*/ 3810000 h 3810000"/>
              <a:gd name="connsiteX34" fmla="*/ 1462474 w 2460624"/>
              <a:gd name="connsiteY34" fmla="*/ 3810000 h 3810000"/>
              <a:gd name="connsiteX35" fmla="*/ 1371187 w 2460624"/>
              <a:gd name="connsiteY35" fmla="*/ 3810000 h 3810000"/>
              <a:gd name="connsiteX36" fmla="*/ 1271968 w 2460624"/>
              <a:gd name="connsiteY36" fmla="*/ 3810000 h 3810000"/>
              <a:gd name="connsiteX37" fmla="*/ 1164484 w 2460624"/>
              <a:gd name="connsiteY37" fmla="*/ 3810000 h 3810000"/>
              <a:gd name="connsiteX38" fmla="*/ 1048406 w 2460624"/>
              <a:gd name="connsiteY38" fmla="*/ 3810000 h 3810000"/>
              <a:gd name="connsiteX39" fmla="*/ 923403 w 2460624"/>
              <a:gd name="connsiteY39" fmla="*/ 3810000 h 3810000"/>
              <a:gd name="connsiteX40" fmla="*/ 789145 w 2460624"/>
              <a:gd name="connsiteY40" fmla="*/ 3810000 h 3810000"/>
              <a:gd name="connsiteX41" fmla="*/ 645301 w 2460624"/>
              <a:gd name="connsiteY41" fmla="*/ 3810000 h 3810000"/>
              <a:gd name="connsiteX42" fmla="*/ 491540 w 2460624"/>
              <a:gd name="connsiteY42" fmla="*/ 3810000 h 3810000"/>
              <a:gd name="connsiteX43" fmla="*/ 327532 w 2460624"/>
              <a:gd name="connsiteY43" fmla="*/ 3810000 h 3810000"/>
              <a:gd name="connsiteX44" fmla="*/ 6653 w 2460624"/>
              <a:gd name="connsiteY44" fmla="*/ 3548358 h 3810000"/>
              <a:gd name="connsiteX45" fmla="*/ 0 w 2460624"/>
              <a:gd name="connsiteY45" fmla="*/ 3482323 h 3810000"/>
              <a:gd name="connsiteX46" fmla="*/ 0 w 2460624"/>
              <a:gd name="connsiteY46" fmla="*/ 327677 h 3810000"/>
              <a:gd name="connsiteX47" fmla="*/ 6653 w 2460624"/>
              <a:gd name="connsiteY47" fmla="*/ 261643 h 3810000"/>
              <a:gd name="connsiteX48" fmla="*/ 327532 w 2460624"/>
              <a:gd name="connsiteY48" fmla="*/ 0 h 38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</a:cxnLst>
            <a:rect l="l" t="t" r="r" b="b"/>
            <a:pathLst>
              <a:path w="2460624" h="3810000">
                <a:moveTo>
                  <a:pt x="327532" y="0"/>
                </a:moveTo>
                <a:lnTo>
                  <a:pt x="331058" y="0"/>
                </a:lnTo>
                <a:lnTo>
                  <a:pt x="339432" y="0"/>
                </a:lnTo>
                <a:lnTo>
                  <a:pt x="355739" y="0"/>
                </a:lnTo>
                <a:lnTo>
                  <a:pt x="382624" y="0"/>
                </a:lnTo>
                <a:lnTo>
                  <a:pt x="422731" y="0"/>
                </a:lnTo>
                <a:lnTo>
                  <a:pt x="478704" y="0"/>
                </a:lnTo>
                <a:lnTo>
                  <a:pt x="553187" y="0"/>
                </a:lnTo>
                <a:lnTo>
                  <a:pt x="648827" y="0"/>
                </a:lnTo>
                <a:lnTo>
                  <a:pt x="768265" y="0"/>
                </a:lnTo>
                <a:lnTo>
                  <a:pt x="914148" y="0"/>
                </a:lnTo>
                <a:lnTo>
                  <a:pt x="997832" y="0"/>
                </a:lnTo>
                <a:lnTo>
                  <a:pt x="1089119" y="0"/>
                </a:lnTo>
                <a:lnTo>
                  <a:pt x="1188338" y="0"/>
                </a:lnTo>
                <a:lnTo>
                  <a:pt x="1295822" y="0"/>
                </a:lnTo>
                <a:lnTo>
                  <a:pt x="1411900" y="0"/>
                </a:lnTo>
                <a:lnTo>
                  <a:pt x="1536903" y="0"/>
                </a:lnTo>
                <a:lnTo>
                  <a:pt x="1671161" y="0"/>
                </a:lnTo>
                <a:lnTo>
                  <a:pt x="1815005" y="0"/>
                </a:lnTo>
                <a:lnTo>
                  <a:pt x="1968766" y="0"/>
                </a:lnTo>
                <a:lnTo>
                  <a:pt x="2132774" y="0"/>
                </a:lnTo>
                <a:cubicBezTo>
                  <a:pt x="2313679" y="0"/>
                  <a:pt x="2460624" y="146697"/>
                  <a:pt x="2460624" y="327687"/>
                </a:cubicBezTo>
                <a:cubicBezTo>
                  <a:pt x="2460624" y="327687"/>
                  <a:pt x="2460624" y="327687"/>
                  <a:pt x="2460624" y="3482313"/>
                </a:cubicBezTo>
                <a:cubicBezTo>
                  <a:pt x="2460624" y="3663303"/>
                  <a:pt x="2313679" y="3810000"/>
                  <a:pt x="2132774" y="3810000"/>
                </a:cubicBezTo>
                <a:lnTo>
                  <a:pt x="2129248" y="3810000"/>
                </a:lnTo>
                <a:lnTo>
                  <a:pt x="2120874" y="3810000"/>
                </a:lnTo>
                <a:lnTo>
                  <a:pt x="2104567" y="3810000"/>
                </a:lnTo>
                <a:lnTo>
                  <a:pt x="2077682" y="3810000"/>
                </a:lnTo>
                <a:lnTo>
                  <a:pt x="2037575" y="3810000"/>
                </a:lnTo>
                <a:lnTo>
                  <a:pt x="1981602" y="3810000"/>
                </a:lnTo>
                <a:lnTo>
                  <a:pt x="1907118" y="3810000"/>
                </a:lnTo>
                <a:lnTo>
                  <a:pt x="1811479" y="3810000"/>
                </a:lnTo>
                <a:lnTo>
                  <a:pt x="1692041" y="3810000"/>
                </a:lnTo>
                <a:lnTo>
                  <a:pt x="1546158" y="3810000"/>
                </a:lnTo>
                <a:lnTo>
                  <a:pt x="1462474" y="3810000"/>
                </a:lnTo>
                <a:lnTo>
                  <a:pt x="1371187" y="3810000"/>
                </a:lnTo>
                <a:lnTo>
                  <a:pt x="1271968" y="3810000"/>
                </a:lnTo>
                <a:lnTo>
                  <a:pt x="1164484" y="3810000"/>
                </a:lnTo>
                <a:lnTo>
                  <a:pt x="1048406" y="3810000"/>
                </a:lnTo>
                <a:lnTo>
                  <a:pt x="923403" y="3810000"/>
                </a:lnTo>
                <a:lnTo>
                  <a:pt x="789145" y="3810000"/>
                </a:lnTo>
                <a:lnTo>
                  <a:pt x="645301" y="3810000"/>
                </a:lnTo>
                <a:lnTo>
                  <a:pt x="491540" y="3810000"/>
                </a:lnTo>
                <a:lnTo>
                  <a:pt x="327532" y="3810000"/>
                </a:lnTo>
                <a:cubicBezTo>
                  <a:pt x="169240" y="3810000"/>
                  <a:pt x="37192" y="3697685"/>
                  <a:pt x="6653" y="3548358"/>
                </a:cubicBezTo>
                <a:lnTo>
                  <a:pt x="0" y="3482323"/>
                </a:lnTo>
                <a:lnTo>
                  <a:pt x="0" y="327677"/>
                </a:lnTo>
                <a:lnTo>
                  <a:pt x="6653" y="261643"/>
                </a:lnTo>
                <a:cubicBezTo>
                  <a:pt x="37192" y="112315"/>
                  <a:pt x="169240" y="0"/>
                  <a:pt x="327532" y="0"/>
                </a:cubicBezTo>
                <a:close/>
              </a:path>
            </a:pathLst>
          </a:custGeom>
          <a:solidFill>
            <a:srgbClr val="0000FF">
              <a:alpha val="30196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0" lvl="0"/>
            <a:r>
              <a:rPr lang="en-GB" dirty="0"/>
              <a:t> </a:t>
            </a:r>
          </a:p>
        </p:txBody>
      </p:sp>
      <p:sp>
        <p:nvSpPr>
          <p:cNvPr id="3" name="Title 5">
            <a:extLst>
              <a:ext uri="{FF2B5EF4-FFF2-40B4-BE49-F238E27FC236}">
                <a16:creationId xmlns:a16="http://schemas.microsoft.com/office/drawing/2014/main" id="{133EF7CA-593A-BECB-6ED1-83939C74BF84}"/>
              </a:ext>
            </a:extLst>
          </p:cNvPr>
          <p:cNvSpPr>
            <a:spLocks noGrp="1" noSelect="1"/>
          </p:cNvSpPr>
          <p:nvPr userDrawn="1">
            <p:ph type="title" hasCustomPrompt="1"/>
          </p:nvPr>
        </p:nvSpPr>
        <p:spPr>
          <a:xfrm>
            <a:off x="1371598" y="536712"/>
            <a:ext cx="9482141" cy="445952"/>
          </a:xfrm>
        </p:spPr>
        <p:txBody>
          <a:bodyPr/>
          <a:lstStyle>
            <a:lvl1pPr>
              <a:defRPr>
                <a:solidFill>
                  <a:srgbClr val="0800FE"/>
                </a:solidFill>
              </a:defRPr>
            </a:lvl1pPr>
          </a:lstStyle>
          <a:p>
            <a:r>
              <a:rPr lang="en-GB"/>
              <a:t>[Title]</a:t>
            </a:r>
            <a:endParaRPr lang="en-GB" dirty="0"/>
          </a:p>
        </p:txBody>
      </p:sp>
      <p:sp>
        <p:nvSpPr>
          <p:cNvPr id="5" name="Frame text 6 [PHJU] (JU-Free)">
            <a:extLst>
              <a:ext uri="{FF2B5EF4-FFF2-40B4-BE49-F238E27FC236}">
                <a16:creationId xmlns:a16="http://schemas.microsoft.com/office/drawing/2014/main" id="{5808722B-DCA4-E10D-EA7E-1BA169273A81}"/>
              </a:ext>
            </a:extLst>
          </p:cNvPr>
          <p:cNvSpPr>
            <a:spLocks noGrp="1"/>
          </p:cNvSpPr>
          <p:nvPr userDrawn="1">
            <p:ph type="body" sz="quarter" idx="1014" hasCustomPrompt="1"/>
          </p:nvPr>
        </p:nvSpPr>
        <p:spPr>
          <a:xfrm>
            <a:off x="1446143" y="2265778"/>
            <a:ext cx="1948072" cy="225563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300">
                <a:solidFill>
                  <a:srgbClr val="FFFFFF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  <a:lvl2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FFFFFF">
                    <a:lumMod val="100000"/>
                  </a:srgbClr>
                </a:solidFill>
                <a:latin typeface="Roboto" panose="02000000000000000000" pitchFamily="2" charset="0"/>
              </a:defRPr>
            </a:lvl2pPr>
            <a:lvl3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FFFFFF">
                    <a:lumMod val="100000"/>
                  </a:srgbClr>
                </a:solidFill>
                <a:latin typeface="Roboto" panose="02000000000000000000" pitchFamily="2" charset="0"/>
              </a:defRPr>
            </a:lvl3pPr>
            <a:lvl4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FFFFFF">
                    <a:lumMod val="100000"/>
                  </a:srgbClr>
                </a:solidFill>
                <a:latin typeface="Roboto" panose="02000000000000000000" pitchFamily="2" charset="0"/>
              </a:defRPr>
            </a:lvl4pPr>
            <a:lvl5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FFFFFF">
                    <a:lumMod val="100000"/>
                  </a:srgbClr>
                </a:solidFill>
                <a:latin typeface="Roboto" panose="02000000000000000000" pitchFamily="2" charset="0"/>
              </a:defRPr>
            </a:lvl5pPr>
            <a:lvl6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FFFFFF">
                    <a:lumMod val="100000"/>
                  </a:srgbClr>
                </a:solidFill>
                <a:latin typeface="Roboto" panose="02000000000000000000" pitchFamily="2" charset="0"/>
              </a:defRPr>
            </a:lvl6pPr>
            <a:lvl7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FFFFFF">
                    <a:lumMod val="100000"/>
                  </a:srgbClr>
                </a:solidFill>
                <a:latin typeface="Roboto" panose="02000000000000000000" pitchFamily="2" charset="0"/>
              </a:defRPr>
            </a:lvl7pPr>
            <a:lvl8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FFFFFF">
                    <a:lumMod val="100000"/>
                  </a:srgbClr>
                </a:solidFill>
                <a:latin typeface="Roboto" panose="02000000000000000000" pitchFamily="2" charset="0"/>
              </a:defRPr>
            </a:lvl8pPr>
            <a:lvl9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FFFFFF">
                    <a:lumMod val="100000"/>
                  </a:srgb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Header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1" name="Frame text 7 [PHJU] (JU-Free)">
            <a:extLst>
              <a:ext uri="{FF2B5EF4-FFF2-40B4-BE49-F238E27FC236}">
                <a16:creationId xmlns:a16="http://schemas.microsoft.com/office/drawing/2014/main" id="{0C554C0E-7573-0F68-0C4C-B3511B4FB7E9}"/>
              </a:ext>
            </a:extLst>
          </p:cNvPr>
          <p:cNvSpPr>
            <a:spLocks noGrp="1"/>
          </p:cNvSpPr>
          <p:nvPr userDrawn="1">
            <p:ph type="body" sz="quarter" idx="1015" hasCustomPrompt="1"/>
          </p:nvPr>
        </p:nvSpPr>
        <p:spPr>
          <a:xfrm>
            <a:off x="3897519" y="2265775"/>
            <a:ext cx="1933162" cy="225563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300">
                <a:solidFill>
                  <a:srgbClr val="000000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  <a:lvl2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2pPr>
            <a:lvl3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3pPr>
            <a:lvl4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4pPr>
            <a:lvl5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5pPr>
            <a:lvl6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6pPr>
            <a:lvl7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7pPr>
            <a:lvl8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8pPr>
            <a:lvl9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Header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2" name="Frame text 8 [PHJU] (JU-Free)">
            <a:extLst>
              <a:ext uri="{FF2B5EF4-FFF2-40B4-BE49-F238E27FC236}">
                <a16:creationId xmlns:a16="http://schemas.microsoft.com/office/drawing/2014/main" id="{6E853018-E47E-C2E6-A295-5CCBEC8948B2}"/>
              </a:ext>
            </a:extLst>
          </p:cNvPr>
          <p:cNvSpPr>
            <a:spLocks noGrp="1"/>
          </p:cNvSpPr>
          <p:nvPr userDrawn="1">
            <p:ph type="body" sz="quarter" idx="1016" hasCustomPrompt="1"/>
          </p:nvPr>
        </p:nvSpPr>
        <p:spPr>
          <a:xfrm>
            <a:off x="6362113" y="2265776"/>
            <a:ext cx="1933162" cy="225563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300">
                <a:solidFill>
                  <a:srgbClr val="000000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  <a:lvl2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2pPr>
            <a:lvl3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3pPr>
            <a:lvl4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4pPr>
            <a:lvl5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5pPr>
            <a:lvl6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6pPr>
            <a:lvl7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7pPr>
            <a:lvl8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8pPr>
            <a:lvl9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000000">
                    <a:lumMod val="100000"/>
                  </a:srgb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Header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3" name="Frame text 9 [PHJU] (JU-Free)">
            <a:extLst>
              <a:ext uri="{FF2B5EF4-FFF2-40B4-BE49-F238E27FC236}">
                <a16:creationId xmlns:a16="http://schemas.microsoft.com/office/drawing/2014/main" id="{0B6721A7-E330-E95C-A5EA-7DDCAF2DCE34}"/>
              </a:ext>
            </a:extLst>
          </p:cNvPr>
          <p:cNvSpPr>
            <a:spLocks noGrp="1"/>
          </p:cNvSpPr>
          <p:nvPr userDrawn="1">
            <p:ph type="body" sz="quarter" idx="1017" hasCustomPrompt="1"/>
          </p:nvPr>
        </p:nvSpPr>
        <p:spPr>
          <a:xfrm>
            <a:off x="8797785" y="2265775"/>
            <a:ext cx="1933162" cy="225563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300">
                <a:solidFill>
                  <a:srgbClr val="0800FE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  <a:lvl2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0800FE">
                    <a:lumMod val="100000"/>
                  </a:srgbClr>
                </a:solidFill>
                <a:latin typeface="Roboto" panose="02000000000000000000" pitchFamily="2" charset="0"/>
              </a:defRPr>
            </a:lvl2pPr>
            <a:lvl3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0800FE">
                    <a:lumMod val="100000"/>
                  </a:srgbClr>
                </a:solidFill>
                <a:latin typeface="Roboto" panose="02000000000000000000" pitchFamily="2" charset="0"/>
              </a:defRPr>
            </a:lvl3pPr>
            <a:lvl4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0800FE">
                    <a:lumMod val="100000"/>
                  </a:srgbClr>
                </a:solidFill>
                <a:latin typeface="Roboto" panose="02000000000000000000" pitchFamily="2" charset="0"/>
              </a:defRPr>
            </a:lvl4pPr>
            <a:lvl5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0800FE">
                    <a:lumMod val="100000"/>
                  </a:srgbClr>
                </a:solidFill>
                <a:latin typeface="Roboto" panose="02000000000000000000" pitchFamily="2" charset="0"/>
              </a:defRPr>
            </a:lvl5pPr>
            <a:lvl6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0800FE">
                    <a:lumMod val="100000"/>
                  </a:srgbClr>
                </a:solidFill>
                <a:latin typeface="Roboto" panose="02000000000000000000" pitchFamily="2" charset="0"/>
              </a:defRPr>
            </a:lvl6pPr>
            <a:lvl7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0800FE">
                    <a:lumMod val="100000"/>
                  </a:srgbClr>
                </a:solidFill>
                <a:latin typeface="Roboto" panose="02000000000000000000" pitchFamily="2" charset="0"/>
              </a:defRPr>
            </a:lvl7pPr>
            <a:lvl8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0800FE">
                    <a:lumMod val="100000"/>
                  </a:srgbClr>
                </a:solidFill>
                <a:latin typeface="Roboto" panose="02000000000000000000" pitchFamily="2" charset="0"/>
              </a:defRPr>
            </a:lvl8pPr>
            <a:lvl9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0800FE">
                    <a:lumMod val="100000"/>
                  </a:srgb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Header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4" name="Frame text 10 [PHJU] (JU-Free)">
            <a:extLst>
              <a:ext uri="{FF2B5EF4-FFF2-40B4-BE49-F238E27FC236}">
                <a16:creationId xmlns:a16="http://schemas.microsoft.com/office/drawing/2014/main" id="{A3F21C6A-DBB3-55E3-C301-C60A559ABD6A}"/>
              </a:ext>
            </a:extLst>
          </p:cNvPr>
          <p:cNvSpPr>
            <a:spLocks noGrp="1"/>
          </p:cNvSpPr>
          <p:nvPr userDrawn="1">
            <p:ph type="body" sz="quarter" idx="18" hasCustomPrompt="1"/>
          </p:nvPr>
        </p:nvSpPr>
        <p:spPr>
          <a:xfrm>
            <a:off x="1446143" y="3053106"/>
            <a:ext cx="1948072" cy="2264329"/>
          </a:xfrm>
        </p:spPr>
        <p:txBody>
          <a:bodyPr/>
          <a:lstStyle>
            <a:lvl1pPr marL="0" indent="0" algn="l">
              <a:lnSpc>
                <a:spcPct val="100000"/>
              </a:lnSpc>
              <a:buFont typeface="Arial" panose="020B0604020202020204" pitchFamily="34" charset="0"/>
              <a:buNone/>
              <a:defRPr sz="1200">
                <a:solidFill>
                  <a:srgbClr val="FFFFFF"/>
                </a:solidFill>
                <a:latin typeface="Maison Neue Bold" panose="020B0804040000000000" pitchFamily="34" charset="0"/>
              </a:defRPr>
            </a:lvl1pPr>
            <a:lvl2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FFFFFF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FFFFFF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FFFFFF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FFFFFF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FFFFFF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FFFFFF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FFFFFF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FFFFFF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5" name="Frame text 11 [PHJU] (JU-Free)">
            <a:extLst>
              <a:ext uri="{FF2B5EF4-FFF2-40B4-BE49-F238E27FC236}">
                <a16:creationId xmlns:a16="http://schemas.microsoft.com/office/drawing/2014/main" id="{2446968D-DC43-9C04-9591-0436EDCE0CC6}"/>
              </a:ext>
            </a:extLst>
          </p:cNvPr>
          <p:cNvSpPr>
            <a:spLocks noGrp="1"/>
          </p:cNvSpPr>
          <p:nvPr userDrawn="1">
            <p:ph type="body" sz="quarter" idx="1018" hasCustomPrompt="1"/>
          </p:nvPr>
        </p:nvSpPr>
        <p:spPr>
          <a:xfrm>
            <a:off x="6353106" y="3050062"/>
            <a:ext cx="1948072" cy="2264329"/>
          </a:xfrm>
        </p:spPr>
        <p:txBody>
          <a:bodyPr/>
          <a:lstStyle>
            <a:lvl1pPr marL="0" indent="0" algn="l">
              <a:lnSpc>
                <a:spcPct val="100000"/>
              </a:lnSpc>
              <a:buFont typeface="Arial" panose="020B0604020202020204" pitchFamily="34" charset="0"/>
              <a:buNone/>
              <a:defRPr sz="1200">
                <a:solidFill>
                  <a:srgbClr val="000000"/>
                </a:solidFill>
                <a:latin typeface="Maison Neue Bold" panose="020B0804040000000000" pitchFamily="34" charset="0"/>
              </a:defRPr>
            </a:lvl1pPr>
            <a:lvl2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6" name="Frame text 12 [PHJU] (JU-Free)">
            <a:extLst>
              <a:ext uri="{FF2B5EF4-FFF2-40B4-BE49-F238E27FC236}">
                <a16:creationId xmlns:a16="http://schemas.microsoft.com/office/drawing/2014/main" id="{A650C95F-015B-851B-5B8C-8BEF4E597A9A}"/>
              </a:ext>
            </a:extLst>
          </p:cNvPr>
          <p:cNvSpPr>
            <a:spLocks noGrp="1"/>
          </p:cNvSpPr>
          <p:nvPr userDrawn="1">
            <p:ph type="body" sz="quarter" idx="1019" hasCustomPrompt="1"/>
          </p:nvPr>
        </p:nvSpPr>
        <p:spPr>
          <a:xfrm>
            <a:off x="3906768" y="3050063"/>
            <a:ext cx="1948072" cy="2264329"/>
          </a:xfrm>
        </p:spPr>
        <p:txBody>
          <a:bodyPr/>
          <a:lstStyle>
            <a:lvl1pPr marL="0" indent="0" algn="l">
              <a:lnSpc>
                <a:spcPct val="100000"/>
              </a:lnSpc>
              <a:buFont typeface="Arial" panose="020B0604020202020204" pitchFamily="34" charset="0"/>
              <a:buNone/>
              <a:defRPr sz="1200">
                <a:solidFill>
                  <a:srgbClr val="000000"/>
                </a:solidFill>
                <a:latin typeface="Maison Neue Bold" panose="020B0804040000000000" pitchFamily="34" charset="0"/>
              </a:defRPr>
            </a:lvl1pPr>
            <a:lvl2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7" name="Frame text 13 [PHJU] (JU-Free)">
            <a:extLst>
              <a:ext uri="{FF2B5EF4-FFF2-40B4-BE49-F238E27FC236}">
                <a16:creationId xmlns:a16="http://schemas.microsoft.com/office/drawing/2014/main" id="{E68DC114-2CA8-FE2B-4FF4-5A443BDDA850}"/>
              </a:ext>
            </a:extLst>
          </p:cNvPr>
          <p:cNvSpPr>
            <a:spLocks noGrp="1"/>
          </p:cNvSpPr>
          <p:nvPr userDrawn="1">
            <p:ph type="body" sz="quarter" idx="1020" hasCustomPrompt="1"/>
          </p:nvPr>
        </p:nvSpPr>
        <p:spPr>
          <a:xfrm>
            <a:off x="8797785" y="3050062"/>
            <a:ext cx="1948072" cy="2264329"/>
          </a:xfrm>
        </p:spPr>
        <p:txBody>
          <a:bodyPr/>
          <a:lstStyle>
            <a:lvl1pPr marL="0" indent="0" algn="l">
              <a:lnSpc>
                <a:spcPct val="100000"/>
              </a:lnSpc>
              <a:buFont typeface="Arial" panose="020B0604020202020204" pitchFamily="34" charset="0"/>
              <a:buNone/>
              <a:defRPr sz="1200">
                <a:solidFill>
                  <a:srgbClr val="0800FE"/>
                </a:solidFill>
                <a:latin typeface="Maison Neue Bold" panose="020B0804040000000000" pitchFamily="34" charset="0"/>
              </a:defRPr>
            </a:lvl1pPr>
            <a:lvl2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2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1098640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[Results]">
    <p:bg>
      <p:bgPr>
        <a:solidFill>
          <a:srgbClr val="FFB0E8">
            <a:alpha val="40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Frame 1">
            <a:extLst>
              <a:ext uri="{FF2B5EF4-FFF2-40B4-BE49-F238E27FC236}">
                <a16:creationId xmlns:a16="http://schemas.microsoft.com/office/drawing/2014/main" id="{D464CFC5-477D-5AD6-153C-8D322A79870E}"/>
              </a:ext>
            </a:extLst>
          </p:cNvPr>
          <p:cNvSpPr>
            <a:spLocks noGrp="1" noSelect="1"/>
          </p:cNvSpPr>
          <p:nvPr>
            <p:ph type="body" sz="quarter" idx="1024" hasCustomPrompt="1"/>
          </p:nvPr>
        </p:nvSpPr>
        <p:spPr>
          <a:xfrm>
            <a:off x="5314950" y="2373314"/>
            <a:ext cx="1562100" cy="2016124"/>
          </a:xfrm>
          <a:custGeom>
            <a:avLst/>
            <a:gdLst>
              <a:gd name="connsiteX0" fmla="*/ 83832 w 1562100"/>
              <a:gd name="connsiteY0" fmla="*/ 0 h 2016124"/>
              <a:gd name="connsiteX1" fmla="*/ 1477951 w 1562100"/>
              <a:gd name="connsiteY1" fmla="*/ 0 h 2016124"/>
              <a:gd name="connsiteX2" fmla="*/ 1510655 w 1562100"/>
              <a:gd name="connsiteY2" fmla="*/ 6574 h 2016124"/>
              <a:gd name="connsiteX3" fmla="*/ 1562100 w 1562100"/>
              <a:gd name="connsiteY3" fmla="*/ 83780 h 2016124"/>
              <a:gd name="connsiteX4" fmla="*/ 1562100 w 1562100"/>
              <a:gd name="connsiteY4" fmla="*/ 251694 h 2016124"/>
              <a:gd name="connsiteX5" fmla="*/ 1562100 w 1562100"/>
              <a:gd name="connsiteY5" fmla="*/ 409118 h 2016124"/>
              <a:gd name="connsiteX6" fmla="*/ 1562100 w 1562100"/>
              <a:gd name="connsiteY6" fmla="*/ 556389 h 2016124"/>
              <a:gd name="connsiteX7" fmla="*/ 1562100 w 1562100"/>
              <a:gd name="connsiteY7" fmla="*/ 693845 h 2016124"/>
              <a:gd name="connsiteX8" fmla="*/ 1562100 w 1562100"/>
              <a:gd name="connsiteY8" fmla="*/ 940669 h 2016124"/>
              <a:gd name="connsiteX9" fmla="*/ 1562100 w 1562100"/>
              <a:gd name="connsiteY9" fmla="*/ 1152297 h 2016124"/>
              <a:gd name="connsiteX10" fmla="*/ 1562100 w 1562100"/>
              <a:gd name="connsiteY10" fmla="*/ 1331436 h 2016124"/>
              <a:gd name="connsiteX11" fmla="*/ 1562100 w 1562100"/>
              <a:gd name="connsiteY11" fmla="*/ 1480794 h 2016124"/>
              <a:gd name="connsiteX12" fmla="*/ 1562100 w 1562100"/>
              <a:gd name="connsiteY12" fmla="*/ 1603078 h 2016124"/>
              <a:gd name="connsiteX13" fmla="*/ 1562100 w 1562100"/>
              <a:gd name="connsiteY13" fmla="*/ 1700995 h 2016124"/>
              <a:gd name="connsiteX14" fmla="*/ 1562100 w 1562100"/>
              <a:gd name="connsiteY14" fmla="*/ 1777254 h 2016124"/>
              <a:gd name="connsiteX15" fmla="*/ 1562100 w 1562100"/>
              <a:gd name="connsiteY15" fmla="*/ 1834560 h 2016124"/>
              <a:gd name="connsiteX16" fmla="*/ 1562100 w 1562100"/>
              <a:gd name="connsiteY16" fmla="*/ 1875622 h 2016124"/>
              <a:gd name="connsiteX17" fmla="*/ 1562100 w 1562100"/>
              <a:gd name="connsiteY17" fmla="*/ 1903147 h 2016124"/>
              <a:gd name="connsiteX18" fmla="*/ 1562100 w 1562100"/>
              <a:gd name="connsiteY18" fmla="*/ 1919843 h 2016124"/>
              <a:gd name="connsiteX19" fmla="*/ 1562100 w 1562100"/>
              <a:gd name="connsiteY19" fmla="*/ 1928416 h 2016124"/>
              <a:gd name="connsiteX20" fmla="*/ 1562100 w 1562100"/>
              <a:gd name="connsiteY20" fmla="*/ 1932026 h 2016124"/>
              <a:gd name="connsiteX21" fmla="*/ 1477946 w 1562100"/>
              <a:gd name="connsiteY21" fmla="*/ 2016124 h 2016124"/>
              <a:gd name="connsiteX22" fmla="*/ 83837 w 1562100"/>
              <a:gd name="connsiteY22" fmla="*/ 2016124 h 2016124"/>
              <a:gd name="connsiteX23" fmla="*/ 0 w 1562100"/>
              <a:gd name="connsiteY23" fmla="*/ 1932026 h 2016124"/>
              <a:gd name="connsiteX24" fmla="*/ 0 w 1562100"/>
              <a:gd name="connsiteY24" fmla="*/ 1764111 h 2016124"/>
              <a:gd name="connsiteX25" fmla="*/ 0 w 1562100"/>
              <a:gd name="connsiteY25" fmla="*/ 1606688 h 2016124"/>
              <a:gd name="connsiteX26" fmla="*/ 0 w 1562100"/>
              <a:gd name="connsiteY26" fmla="*/ 1459417 h 2016124"/>
              <a:gd name="connsiteX27" fmla="*/ 0 w 1562100"/>
              <a:gd name="connsiteY27" fmla="*/ 1321960 h 2016124"/>
              <a:gd name="connsiteX28" fmla="*/ 0 w 1562100"/>
              <a:gd name="connsiteY28" fmla="*/ 1075136 h 2016124"/>
              <a:gd name="connsiteX29" fmla="*/ 0 w 1562100"/>
              <a:gd name="connsiteY29" fmla="*/ 863509 h 2016124"/>
              <a:gd name="connsiteX30" fmla="*/ 0 w 1562100"/>
              <a:gd name="connsiteY30" fmla="*/ 684370 h 2016124"/>
              <a:gd name="connsiteX31" fmla="*/ 0 w 1562100"/>
              <a:gd name="connsiteY31" fmla="*/ 535012 h 2016124"/>
              <a:gd name="connsiteX32" fmla="*/ 0 w 1562100"/>
              <a:gd name="connsiteY32" fmla="*/ 412728 h 2016124"/>
              <a:gd name="connsiteX33" fmla="*/ 0 w 1562100"/>
              <a:gd name="connsiteY33" fmla="*/ 314810 h 2016124"/>
              <a:gd name="connsiteX34" fmla="*/ 0 w 1562100"/>
              <a:gd name="connsiteY34" fmla="*/ 238552 h 2016124"/>
              <a:gd name="connsiteX35" fmla="*/ 0 w 1562100"/>
              <a:gd name="connsiteY35" fmla="*/ 181246 h 2016124"/>
              <a:gd name="connsiteX36" fmla="*/ 0 w 1562100"/>
              <a:gd name="connsiteY36" fmla="*/ 140184 h 2016124"/>
              <a:gd name="connsiteX37" fmla="*/ 0 w 1562100"/>
              <a:gd name="connsiteY37" fmla="*/ 112659 h 2016124"/>
              <a:gd name="connsiteX38" fmla="*/ 0 w 1562100"/>
              <a:gd name="connsiteY38" fmla="*/ 95963 h 2016124"/>
              <a:gd name="connsiteX39" fmla="*/ 0 w 1562100"/>
              <a:gd name="connsiteY39" fmla="*/ 87390 h 2016124"/>
              <a:gd name="connsiteX40" fmla="*/ 0 w 1562100"/>
              <a:gd name="connsiteY40" fmla="*/ 83780 h 2016124"/>
              <a:gd name="connsiteX41" fmla="*/ 51178 w 1562100"/>
              <a:gd name="connsiteY41" fmla="*/ 6574 h 20161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</a:cxnLst>
            <a:rect l="l" t="t" r="r" b="b"/>
            <a:pathLst>
              <a:path w="1562100" h="2016124">
                <a:moveTo>
                  <a:pt x="83832" y="0"/>
                </a:moveTo>
                <a:lnTo>
                  <a:pt x="1477951" y="0"/>
                </a:lnTo>
                <a:lnTo>
                  <a:pt x="1510655" y="6574"/>
                </a:lnTo>
                <a:cubicBezTo>
                  <a:pt x="1540843" y="19278"/>
                  <a:pt x="1562100" y="49030"/>
                  <a:pt x="1562100" y="83780"/>
                </a:cubicBezTo>
                <a:lnTo>
                  <a:pt x="1562100" y="251694"/>
                </a:lnTo>
                <a:lnTo>
                  <a:pt x="1562100" y="409118"/>
                </a:lnTo>
                <a:lnTo>
                  <a:pt x="1562100" y="556389"/>
                </a:lnTo>
                <a:lnTo>
                  <a:pt x="1562100" y="693845"/>
                </a:lnTo>
                <a:lnTo>
                  <a:pt x="1562100" y="940669"/>
                </a:lnTo>
                <a:lnTo>
                  <a:pt x="1562100" y="1152297"/>
                </a:lnTo>
                <a:lnTo>
                  <a:pt x="1562100" y="1331436"/>
                </a:lnTo>
                <a:lnTo>
                  <a:pt x="1562100" y="1480794"/>
                </a:lnTo>
                <a:lnTo>
                  <a:pt x="1562100" y="1603078"/>
                </a:lnTo>
                <a:lnTo>
                  <a:pt x="1562100" y="1700995"/>
                </a:lnTo>
                <a:lnTo>
                  <a:pt x="1562100" y="1777254"/>
                </a:lnTo>
                <a:lnTo>
                  <a:pt x="1562100" y="1834560"/>
                </a:lnTo>
                <a:lnTo>
                  <a:pt x="1562100" y="1875622"/>
                </a:lnTo>
                <a:lnTo>
                  <a:pt x="1562100" y="1903147"/>
                </a:lnTo>
                <a:lnTo>
                  <a:pt x="1562100" y="1919843"/>
                </a:lnTo>
                <a:lnTo>
                  <a:pt x="1562100" y="1928416"/>
                </a:lnTo>
                <a:lnTo>
                  <a:pt x="1562100" y="1932026"/>
                </a:lnTo>
                <a:cubicBezTo>
                  <a:pt x="1562100" y="1978360"/>
                  <a:pt x="1524310" y="2016124"/>
                  <a:pt x="1477946" y="2016124"/>
                </a:cubicBezTo>
                <a:cubicBezTo>
                  <a:pt x="83837" y="2016124"/>
                  <a:pt x="83837" y="2016124"/>
                  <a:pt x="83837" y="2016124"/>
                </a:cubicBezTo>
                <a:cubicBezTo>
                  <a:pt x="37473" y="2016124"/>
                  <a:pt x="0" y="1978360"/>
                  <a:pt x="0" y="1932026"/>
                </a:cubicBezTo>
                <a:lnTo>
                  <a:pt x="0" y="1764111"/>
                </a:lnTo>
                <a:lnTo>
                  <a:pt x="0" y="1606688"/>
                </a:lnTo>
                <a:lnTo>
                  <a:pt x="0" y="1459417"/>
                </a:lnTo>
                <a:lnTo>
                  <a:pt x="0" y="1321960"/>
                </a:lnTo>
                <a:lnTo>
                  <a:pt x="0" y="1075136"/>
                </a:lnTo>
                <a:lnTo>
                  <a:pt x="0" y="863509"/>
                </a:lnTo>
                <a:lnTo>
                  <a:pt x="0" y="684370"/>
                </a:lnTo>
                <a:lnTo>
                  <a:pt x="0" y="535012"/>
                </a:lnTo>
                <a:lnTo>
                  <a:pt x="0" y="412728"/>
                </a:lnTo>
                <a:lnTo>
                  <a:pt x="0" y="314810"/>
                </a:lnTo>
                <a:lnTo>
                  <a:pt x="0" y="238552"/>
                </a:lnTo>
                <a:lnTo>
                  <a:pt x="0" y="181246"/>
                </a:lnTo>
                <a:lnTo>
                  <a:pt x="0" y="140184"/>
                </a:lnTo>
                <a:lnTo>
                  <a:pt x="0" y="112659"/>
                </a:lnTo>
                <a:lnTo>
                  <a:pt x="0" y="95963"/>
                </a:lnTo>
                <a:lnTo>
                  <a:pt x="0" y="87390"/>
                </a:lnTo>
                <a:lnTo>
                  <a:pt x="0" y="83780"/>
                </a:lnTo>
                <a:cubicBezTo>
                  <a:pt x="0" y="49030"/>
                  <a:pt x="21079" y="19278"/>
                  <a:pt x="51178" y="6574"/>
                </a:cubicBezTo>
                <a:close/>
              </a:path>
            </a:pathLst>
          </a:custGeom>
          <a:solidFill>
            <a:srgbClr val="0000FF"/>
          </a:solidFill>
          <a:ln>
            <a:noFill/>
          </a:ln>
          <a:effectLst>
            <a:outerShdw blurRad="50800" dist="38100" dir="2700000" sx="101000" sy="101000" algn="tl" rotWithShape="0">
              <a:prstClr val="black">
                <a:alpha val="39000"/>
              </a:prstClr>
            </a:outerShdw>
          </a:effectLst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 typeface="Arial" panose="020B0604020202020204" pitchFamily="34" charset="0"/>
              <a:buNone/>
              <a:defRPr lang="nl-NL" sz="33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0" lvl="0"/>
            <a:r>
              <a:rPr lang="en-GB" dirty="0"/>
              <a:t> </a:t>
            </a:r>
          </a:p>
        </p:txBody>
      </p:sp>
      <p:sp>
        <p:nvSpPr>
          <p:cNvPr id="19" name="Frame 2">
            <a:extLst>
              <a:ext uri="{FF2B5EF4-FFF2-40B4-BE49-F238E27FC236}">
                <a16:creationId xmlns:a16="http://schemas.microsoft.com/office/drawing/2014/main" id="{23F6D594-6B96-1330-2D40-8C67FB8B54FB}"/>
              </a:ext>
            </a:extLst>
          </p:cNvPr>
          <p:cNvSpPr>
            <a:spLocks noGrp="1" noSelect="1"/>
          </p:cNvSpPr>
          <p:nvPr>
            <p:ph type="body" sz="quarter" idx="1025" hasCustomPrompt="1"/>
          </p:nvPr>
        </p:nvSpPr>
        <p:spPr>
          <a:xfrm>
            <a:off x="5834064" y="3709275"/>
            <a:ext cx="523874" cy="307101"/>
          </a:xfrm>
          <a:custGeom>
            <a:avLst/>
            <a:gdLst>
              <a:gd name="connsiteX0" fmla="*/ 363757 w 523874"/>
              <a:gd name="connsiteY0" fmla="*/ 2622 h 307101"/>
              <a:gd name="connsiteX1" fmla="*/ 376465 w 523874"/>
              <a:gd name="connsiteY1" fmla="*/ 2622 h 307101"/>
              <a:gd name="connsiteX2" fmla="*/ 521015 w 523874"/>
              <a:gd name="connsiteY2" fmla="*/ 147234 h 307101"/>
              <a:gd name="connsiteX3" fmla="*/ 521650 w 523874"/>
              <a:gd name="connsiteY3" fmla="*/ 148187 h 307101"/>
              <a:gd name="connsiteX4" fmla="*/ 522921 w 523874"/>
              <a:gd name="connsiteY4" fmla="*/ 150094 h 307101"/>
              <a:gd name="connsiteX5" fmla="*/ 523874 w 523874"/>
              <a:gd name="connsiteY5" fmla="*/ 153590 h 307101"/>
              <a:gd name="connsiteX6" fmla="*/ 522921 w 523874"/>
              <a:gd name="connsiteY6" fmla="*/ 157086 h 307101"/>
              <a:gd name="connsiteX7" fmla="*/ 521650 w 523874"/>
              <a:gd name="connsiteY7" fmla="*/ 158993 h 307101"/>
              <a:gd name="connsiteX8" fmla="*/ 521015 w 523874"/>
              <a:gd name="connsiteY8" fmla="*/ 159947 h 307101"/>
              <a:gd name="connsiteX9" fmla="*/ 376465 w 523874"/>
              <a:gd name="connsiteY9" fmla="*/ 304559 h 307101"/>
              <a:gd name="connsiteX10" fmla="*/ 370111 w 523874"/>
              <a:gd name="connsiteY10" fmla="*/ 307101 h 307101"/>
              <a:gd name="connsiteX11" fmla="*/ 363757 w 523874"/>
              <a:gd name="connsiteY11" fmla="*/ 304559 h 307101"/>
              <a:gd name="connsiteX12" fmla="*/ 363757 w 523874"/>
              <a:gd name="connsiteY12" fmla="*/ 291845 h 307101"/>
              <a:gd name="connsiteX13" fmla="*/ 493058 w 523874"/>
              <a:gd name="connsiteY13" fmla="*/ 162490 h 307101"/>
              <a:gd name="connsiteX14" fmla="*/ 8895 w 523874"/>
              <a:gd name="connsiteY14" fmla="*/ 162490 h 307101"/>
              <a:gd name="connsiteX15" fmla="*/ 0 w 523874"/>
              <a:gd name="connsiteY15" fmla="*/ 153591 h 307101"/>
              <a:gd name="connsiteX16" fmla="*/ 0 w 523874"/>
              <a:gd name="connsiteY16" fmla="*/ 153589 h 307101"/>
              <a:gd name="connsiteX17" fmla="*/ 8895 w 523874"/>
              <a:gd name="connsiteY17" fmla="*/ 144691 h 307101"/>
              <a:gd name="connsiteX18" fmla="*/ 493058 w 523874"/>
              <a:gd name="connsiteY18" fmla="*/ 144691 h 307101"/>
              <a:gd name="connsiteX19" fmla="*/ 363757 w 523874"/>
              <a:gd name="connsiteY19" fmla="*/ 15335 h 307101"/>
              <a:gd name="connsiteX20" fmla="*/ 363757 w 523874"/>
              <a:gd name="connsiteY20" fmla="*/ 2622 h 30710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</a:cxnLst>
            <a:rect l="l" t="t" r="r" b="b"/>
            <a:pathLst>
              <a:path w="523874" h="307101">
                <a:moveTo>
                  <a:pt x="363757" y="2622"/>
                </a:moveTo>
                <a:cubicBezTo>
                  <a:pt x="367252" y="-874"/>
                  <a:pt x="372970" y="-874"/>
                  <a:pt x="376465" y="2622"/>
                </a:cubicBezTo>
                <a:cubicBezTo>
                  <a:pt x="521015" y="147234"/>
                  <a:pt x="521015" y="147234"/>
                  <a:pt x="521015" y="147234"/>
                </a:cubicBezTo>
                <a:cubicBezTo>
                  <a:pt x="521333" y="147552"/>
                  <a:pt x="521650" y="147869"/>
                  <a:pt x="521650" y="148187"/>
                </a:cubicBezTo>
                <a:cubicBezTo>
                  <a:pt x="522286" y="148823"/>
                  <a:pt x="522603" y="149459"/>
                  <a:pt x="522921" y="150094"/>
                </a:cubicBezTo>
                <a:cubicBezTo>
                  <a:pt x="523557" y="151366"/>
                  <a:pt x="523874" y="152319"/>
                  <a:pt x="523874" y="153590"/>
                </a:cubicBezTo>
                <a:cubicBezTo>
                  <a:pt x="523874" y="154862"/>
                  <a:pt x="523557" y="156133"/>
                  <a:pt x="522921" y="157086"/>
                </a:cubicBezTo>
                <a:cubicBezTo>
                  <a:pt x="522603" y="157722"/>
                  <a:pt x="522286" y="158358"/>
                  <a:pt x="521650" y="158993"/>
                </a:cubicBezTo>
                <a:cubicBezTo>
                  <a:pt x="521650" y="159311"/>
                  <a:pt x="521333" y="159629"/>
                  <a:pt x="521015" y="159947"/>
                </a:cubicBezTo>
                <a:cubicBezTo>
                  <a:pt x="376465" y="304559"/>
                  <a:pt x="376465" y="304559"/>
                  <a:pt x="376465" y="304559"/>
                </a:cubicBezTo>
                <a:cubicBezTo>
                  <a:pt x="374876" y="306148"/>
                  <a:pt x="372653" y="307101"/>
                  <a:pt x="370111" y="307101"/>
                </a:cubicBezTo>
                <a:cubicBezTo>
                  <a:pt x="367887" y="307101"/>
                  <a:pt x="365663" y="306148"/>
                  <a:pt x="363757" y="304559"/>
                </a:cubicBezTo>
                <a:cubicBezTo>
                  <a:pt x="360263" y="301062"/>
                  <a:pt x="360263" y="295342"/>
                  <a:pt x="363757" y="291845"/>
                </a:cubicBezTo>
                <a:cubicBezTo>
                  <a:pt x="493058" y="162490"/>
                  <a:pt x="493058" y="162490"/>
                  <a:pt x="493058" y="162490"/>
                </a:cubicBezTo>
                <a:cubicBezTo>
                  <a:pt x="8895" y="162490"/>
                  <a:pt x="8895" y="162490"/>
                  <a:pt x="8895" y="162490"/>
                </a:cubicBezTo>
                <a:lnTo>
                  <a:pt x="0" y="153591"/>
                </a:lnTo>
                <a:lnTo>
                  <a:pt x="0" y="153589"/>
                </a:lnTo>
                <a:lnTo>
                  <a:pt x="8895" y="144691"/>
                </a:lnTo>
                <a:cubicBezTo>
                  <a:pt x="493058" y="144691"/>
                  <a:pt x="493058" y="144691"/>
                  <a:pt x="493058" y="144691"/>
                </a:cubicBezTo>
                <a:cubicBezTo>
                  <a:pt x="363757" y="15335"/>
                  <a:pt x="363757" y="15335"/>
                  <a:pt x="363757" y="15335"/>
                </a:cubicBezTo>
                <a:cubicBezTo>
                  <a:pt x="360263" y="11839"/>
                  <a:pt x="360263" y="6118"/>
                  <a:pt x="363757" y="2622"/>
                </a:cubicBezTo>
                <a:close/>
              </a:path>
            </a:pathLst>
          </a:custGeom>
          <a:solidFill>
            <a:srgbClr val="FFFFFF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2" name="Title 3">
            <a:extLst>
              <a:ext uri="{FF2B5EF4-FFF2-40B4-BE49-F238E27FC236}">
                <a16:creationId xmlns:a16="http://schemas.microsoft.com/office/drawing/2014/main" id="{59E54DA1-B069-3798-2C33-D5DC804DFEEB}"/>
              </a:ext>
            </a:extLst>
          </p:cNvPr>
          <p:cNvSpPr>
            <a:spLocks noGrp="1" noSelect="1"/>
          </p:cNvSpPr>
          <p:nvPr userDrawn="1">
            <p:ph type="title" hasCustomPrompt="1"/>
          </p:nvPr>
        </p:nvSpPr>
        <p:spPr>
          <a:xfrm>
            <a:off x="1371598" y="536712"/>
            <a:ext cx="9482141" cy="445952"/>
          </a:xfrm>
        </p:spPr>
        <p:txBody>
          <a:bodyPr/>
          <a:lstStyle>
            <a:lvl1pPr>
              <a:defRPr>
                <a:solidFill>
                  <a:srgbClr val="0800FE"/>
                </a:solidFill>
              </a:defRPr>
            </a:lvl1pPr>
          </a:lstStyle>
          <a:p>
            <a:r>
              <a:rPr lang="en-GB"/>
              <a:t>[Title]</a:t>
            </a:r>
            <a:endParaRPr lang="en-GB" dirty="0"/>
          </a:p>
        </p:txBody>
      </p:sp>
      <p:sp>
        <p:nvSpPr>
          <p:cNvPr id="5" name="Frame text 4 [PHJU] (JU-Free)">
            <a:extLst>
              <a:ext uri="{FF2B5EF4-FFF2-40B4-BE49-F238E27FC236}">
                <a16:creationId xmlns:a16="http://schemas.microsoft.com/office/drawing/2014/main" id="{9B980B8B-D638-440A-6912-0B793AF94EC5}"/>
              </a:ext>
            </a:extLst>
          </p:cNvPr>
          <p:cNvSpPr>
            <a:spLocks noGrp="1"/>
          </p:cNvSpPr>
          <p:nvPr userDrawn="1">
            <p:ph type="body" sz="quarter" idx="1019" hasCustomPrompt="1"/>
          </p:nvPr>
        </p:nvSpPr>
        <p:spPr>
          <a:xfrm>
            <a:off x="904462" y="2837865"/>
            <a:ext cx="4189342" cy="397324"/>
          </a:xfrm>
        </p:spPr>
        <p:txBody>
          <a:bodyPr/>
          <a:lstStyle>
            <a:lvl1pPr marL="0" indent="0" algn="ctr">
              <a:lnSpc>
                <a:spcPct val="100000"/>
              </a:lnSpc>
              <a:buFont typeface="Arial" panose="020B0604020202020204" pitchFamily="34" charset="0"/>
              <a:buNone/>
              <a:defRPr sz="2400">
                <a:solidFill>
                  <a:srgbClr val="000000"/>
                </a:solidFill>
                <a:latin typeface="Maison Neue Bold" panose="020B0804040000000000" pitchFamily="34" charset="0"/>
              </a:defRPr>
            </a:lvl1pPr>
            <a:lvl2pPr marL="0" marR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00000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 dirty="0"/>
              <a:t>[Text]</a:t>
            </a:r>
          </a:p>
          <a:p>
            <a:pPr lvl="0"/>
            <a:r>
              <a:rPr lang="en-GB" dirty="0"/>
              <a:t>JU-LEVEL1=</a:t>
            </a:r>
            <a:r>
              <a:rPr lang="en-GB" dirty="0" err="1"/>
              <a:t>Standaard</a:t>
            </a:r>
            <a:endParaRPr lang="en-GB" dirty="0"/>
          </a:p>
        </p:txBody>
      </p:sp>
      <p:sp>
        <p:nvSpPr>
          <p:cNvPr id="8" name="Frame text 5 [PHJU] (JU-Free)">
            <a:extLst>
              <a:ext uri="{FF2B5EF4-FFF2-40B4-BE49-F238E27FC236}">
                <a16:creationId xmlns:a16="http://schemas.microsoft.com/office/drawing/2014/main" id="{E16D6FA1-56CB-803D-213F-996C2A64F4EA}"/>
              </a:ext>
            </a:extLst>
          </p:cNvPr>
          <p:cNvSpPr>
            <a:spLocks noGrp="1"/>
          </p:cNvSpPr>
          <p:nvPr userDrawn="1">
            <p:ph type="body" sz="quarter" idx="1020" hasCustomPrompt="1"/>
          </p:nvPr>
        </p:nvSpPr>
        <p:spPr>
          <a:xfrm>
            <a:off x="904462" y="3296167"/>
            <a:ext cx="4189342" cy="793784"/>
          </a:xfrm>
        </p:spPr>
        <p:txBody>
          <a:bodyPr/>
          <a:lstStyle>
            <a:lvl1pPr marL="0" indent="0" algn="ctr">
              <a:lnSpc>
                <a:spcPct val="90000"/>
              </a:lnSpc>
              <a:buFont typeface="Arial" panose="020B0604020202020204" pitchFamily="34" charset="0"/>
              <a:buNone/>
              <a:defRPr sz="4800">
                <a:solidFill>
                  <a:srgbClr val="080808"/>
                </a:solidFill>
                <a:latin typeface="Maison Neue Bold" panose="020B0804040000000000" pitchFamily="34" charset="0"/>
              </a:defRPr>
            </a:lvl1pPr>
            <a:lvl2pPr marL="0" marR="0" indent="0" algn="ctr" fontAlgn="auto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4800" b="0" i="0" u="none" baseline="0">
                <a:solidFill>
                  <a:srgbClr val="080808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ctr" fontAlgn="auto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4800" b="0" i="0" u="none" baseline="0">
                <a:solidFill>
                  <a:srgbClr val="080808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ctr" fontAlgn="auto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4800" b="0" i="0" u="none" baseline="0">
                <a:solidFill>
                  <a:srgbClr val="080808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ctr" fontAlgn="auto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4800" b="0" i="0" u="none" baseline="0">
                <a:solidFill>
                  <a:srgbClr val="080808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ctr" fontAlgn="auto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4800" b="0" i="0" u="none" baseline="0">
                <a:solidFill>
                  <a:srgbClr val="080808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ctr" fontAlgn="auto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4800" b="0" i="0" u="none" baseline="0">
                <a:solidFill>
                  <a:srgbClr val="080808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ctr" fontAlgn="auto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4800" b="0" i="0" u="none" baseline="0">
                <a:solidFill>
                  <a:srgbClr val="080808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ctr" fontAlgn="auto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4800" b="0" i="0" u="none" baseline="0">
                <a:solidFill>
                  <a:srgbClr val="080808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Number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9" name="Frame text 6 [PHJU] (JU-Free)">
            <a:extLst>
              <a:ext uri="{FF2B5EF4-FFF2-40B4-BE49-F238E27FC236}">
                <a16:creationId xmlns:a16="http://schemas.microsoft.com/office/drawing/2014/main" id="{99D17AA0-4500-D33B-D5EE-2108D0AFC9F6}"/>
              </a:ext>
            </a:extLst>
          </p:cNvPr>
          <p:cNvSpPr>
            <a:spLocks noGrp="1"/>
          </p:cNvSpPr>
          <p:nvPr userDrawn="1">
            <p:ph type="body" sz="quarter" idx="1021" hasCustomPrompt="1"/>
          </p:nvPr>
        </p:nvSpPr>
        <p:spPr>
          <a:xfrm>
            <a:off x="7098196" y="2837865"/>
            <a:ext cx="4189342" cy="397324"/>
          </a:xfrm>
        </p:spPr>
        <p:txBody>
          <a:bodyPr/>
          <a:lstStyle>
            <a:lvl1pPr marL="0" indent="0" algn="ctr">
              <a:lnSpc>
                <a:spcPct val="100000"/>
              </a:lnSpc>
              <a:buFont typeface="Arial" panose="020B0604020202020204" pitchFamily="34" charset="0"/>
              <a:buNone/>
              <a:defRPr sz="2400">
                <a:solidFill>
                  <a:srgbClr val="0800FE"/>
                </a:solidFill>
                <a:latin typeface="Maison Neue Bold" panose="020B0804040000000000" pitchFamily="34" charset="0"/>
              </a:defRPr>
            </a:lvl1pPr>
            <a:lvl2pPr marL="0" marR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Text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0" name="Frame text 7 [PHJU] (JU-Free)">
            <a:extLst>
              <a:ext uri="{FF2B5EF4-FFF2-40B4-BE49-F238E27FC236}">
                <a16:creationId xmlns:a16="http://schemas.microsoft.com/office/drawing/2014/main" id="{2A933818-AA7E-8CEF-9BDF-02B050E2AAC7}"/>
              </a:ext>
            </a:extLst>
          </p:cNvPr>
          <p:cNvSpPr>
            <a:spLocks noGrp="1"/>
          </p:cNvSpPr>
          <p:nvPr userDrawn="1">
            <p:ph type="body" sz="quarter" idx="1022" hasCustomPrompt="1"/>
          </p:nvPr>
        </p:nvSpPr>
        <p:spPr>
          <a:xfrm>
            <a:off x="7098196" y="3296167"/>
            <a:ext cx="4189342" cy="793784"/>
          </a:xfrm>
        </p:spPr>
        <p:txBody>
          <a:bodyPr/>
          <a:lstStyle>
            <a:lvl1pPr marL="0" indent="0" algn="ctr">
              <a:lnSpc>
                <a:spcPct val="90000"/>
              </a:lnSpc>
              <a:buFont typeface="Arial" panose="020B0604020202020204" pitchFamily="34" charset="0"/>
              <a:buNone/>
              <a:defRPr sz="4800">
                <a:solidFill>
                  <a:srgbClr val="0800FE"/>
                </a:solidFill>
                <a:latin typeface="Maison Neue Bold" panose="020B0804040000000000" pitchFamily="34" charset="0"/>
              </a:defRPr>
            </a:lvl1pPr>
            <a:lvl2pPr marL="0" marR="0" indent="0" algn="ctr" fontAlgn="auto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48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ctr" fontAlgn="auto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48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ctr" fontAlgn="auto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48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ctr" fontAlgn="auto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48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ctr" fontAlgn="auto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48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ctr" fontAlgn="auto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48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ctr" fontAlgn="auto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48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ctr" fontAlgn="auto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48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/>
              <a:t>[Number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1" name="Frame text 8 [PHJU] (JU-Free)">
            <a:extLst>
              <a:ext uri="{FF2B5EF4-FFF2-40B4-BE49-F238E27FC236}">
                <a16:creationId xmlns:a16="http://schemas.microsoft.com/office/drawing/2014/main" id="{25158A60-90F4-8436-4621-37C913F9E5EC}"/>
              </a:ext>
            </a:extLst>
          </p:cNvPr>
          <p:cNvSpPr>
            <a:spLocks noGrp="1"/>
          </p:cNvSpPr>
          <p:nvPr userDrawn="1">
            <p:ph type="body" sz="quarter" idx="1023" hasCustomPrompt="1"/>
          </p:nvPr>
        </p:nvSpPr>
        <p:spPr>
          <a:xfrm>
            <a:off x="5423037" y="2687665"/>
            <a:ext cx="1345925" cy="502796"/>
          </a:xfrm>
        </p:spPr>
        <p:txBody>
          <a:bodyPr/>
          <a:lstStyle>
            <a:lvl1pPr marL="0" indent="0" algn="ctr">
              <a:lnSpc>
                <a:spcPct val="100000"/>
              </a:lnSpc>
              <a:buFont typeface="Arial" panose="020B0604020202020204" pitchFamily="34" charset="0"/>
              <a:buNone/>
              <a:defRPr sz="3200">
                <a:solidFill>
                  <a:srgbClr val="FFFFFF"/>
                </a:solidFill>
                <a:latin typeface="Maison Neue Bold" panose="020B0804040000000000" pitchFamily="34" charset="0"/>
              </a:defRPr>
            </a:lvl1pPr>
            <a:lvl2pPr marL="0" marR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2pPr>
            <a:lvl3pPr marL="0" marR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3pPr>
            <a:lvl4pPr marL="0" marR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4pPr>
            <a:lvl5pPr marL="0" marR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5pPr>
            <a:lvl6pPr marL="0" marR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6pPr>
            <a:lvl7pPr marL="0" marR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7pPr>
            <a:lvl8pPr marL="0" marR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8pPr>
            <a:lvl9pPr marL="0" marR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rgbClr val="0800FE">
                    <a:lumMod val="100000"/>
                  </a:srgbClr>
                </a:solidFill>
                <a:latin typeface="Maison Neue Bold" panose="020B0804040000000000" pitchFamily="34" charset="0"/>
              </a:defRPr>
            </a:lvl9pPr>
          </a:lstStyle>
          <a:p>
            <a:pPr lvl="0"/>
            <a:r>
              <a:rPr lang="en-GB" dirty="0"/>
              <a:t>[%]</a:t>
            </a:r>
          </a:p>
          <a:p>
            <a:pPr lvl="0"/>
            <a:r>
              <a:rPr lang="en-GB" dirty="0"/>
              <a:t>JU-LEVEL1=Standard</a:t>
            </a:r>
          </a:p>
        </p:txBody>
      </p:sp>
      <p:sp>
        <p:nvSpPr>
          <p:cNvPr id="14" name="Frame text 9 [PHJU] (JU-Free)">
            <a:extLst>
              <a:ext uri="{FF2B5EF4-FFF2-40B4-BE49-F238E27FC236}">
                <a16:creationId xmlns:a16="http://schemas.microsoft.com/office/drawing/2014/main" id="{9826F062-4203-2717-33F1-2D6BF1FF79CE}"/>
              </a:ext>
            </a:extLst>
          </p:cNvPr>
          <p:cNvSpPr>
            <a:spLocks noGrp="1"/>
          </p:cNvSpPr>
          <p:nvPr userDrawn="1">
            <p:ph type="body" sz="quarter" idx="1014" hasCustomPrompt="1"/>
          </p:nvPr>
        </p:nvSpPr>
        <p:spPr>
          <a:xfrm>
            <a:off x="5423037" y="3215309"/>
            <a:ext cx="1345925" cy="225563"/>
          </a:xfrm>
        </p:spPr>
        <p:txBody>
          <a:bodyPr/>
          <a:lstStyle>
            <a:lvl1pPr marL="0" indent="0" algn="ctr">
              <a:lnSpc>
                <a:spcPct val="120000"/>
              </a:lnSpc>
              <a:buFont typeface="Arial" panose="020B0604020202020204" pitchFamily="34" charset="0"/>
              <a:buNone/>
              <a:defRPr sz="1300">
                <a:solidFill>
                  <a:srgbClr val="FFFFFF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  <a:lvl2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FFFFFF">
                    <a:lumMod val="100000"/>
                  </a:srgbClr>
                </a:solidFill>
                <a:latin typeface="Roboto" panose="02000000000000000000" pitchFamily="2" charset="0"/>
              </a:defRPr>
            </a:lvl2pPr>
            <a:lvl3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FFFFFF">
                    <a:lumMod val="100000"/>
                  </a:srgbClr>
                </a:solidFill>
                <a:latin typeface="Roboto" panose="02000000000000000000" pitchFamily="2" charset="0"/>
              </a:defRPr>
            </a:lvl3pPr>
            <a:lvl4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FFFFFF">
                    <a:lumMod val="100000"/>
                  </a:srgbClr>
                </a:solidFill>
                <a:latin typeface="Roboto" panose="02000000000000000000" pitchFamily="2" charset="0"/>
              </a:defRPr>
            </a:lvl4pPr>
            <a:lvl5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FFFFFF">
                    <a:lumMod val="100000"/>
                  </a:srgbClr>
                </a:solidFill>
                <a:latin typeface="Roboto" panose="02000000000000000000" pitchFamily="2" charset="0"/>
              </a:defRPr>
            </a:lvl5pPr>
            <a:lvl6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FFFFFF">
                    <a:lumMod val="100000"/>
                  </a:srgbClr>
                </a:solidFill>
                <a:latin typeface="Roboto" panose="02000000000000000000" pitchFamily="2" charset="0"/>
              </a:defRPr>
            </a:lvl6pPr>
            <a:lvl7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FFFFFF">
                    <a:lumMod val="100000"/>
                  </a:srgbClr>
                </a:solidFill>
                <a:latin typeface="Roboto" panose="02000000000000000000" pitchFamily="2" charset="0"/>
              </a:defRPr>
            </a:lvl7pPr>
            <a:lvl8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FFFFFF">
                    <a:lumMod val="100000"/>
                  </a:srgbClr>
                </a:solidFill>
                <a:latin typeface="Roboto" panose="02000000000000000000" pitchFamily="2" charset="0"/>
              </a:defRPr>
            </a:lvl8pPr>
            <a:lvl9pPr marL="0" marR="0" indent="0" algn="ctr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300" b="0" i="0" u="none" baseline="0">
                <a:solidFill>
                  <a:srgbClr val="FFFFFF">
                    <a:lumMod val="100000"/>
                  </a:srgb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 dirty="0"/>
              <a:t>[Text]</a:t>
            </a:r>
          </a:p>
          <a:p>
            <a:pPr lvl="0"/>
            <a:r>
              <a:rPr lang="en-GB" dirty="0"/>
              <a:t>JU-LEVEL1=Standard</a:t>
            </a:r>
          </a:p>
        </p:txBody>
      </p:sp>
    </p:spTree>
    <p:extLst>
      <p:ext uri="{BB962C8B-B14F-4D97-AF65-F5344CB8AC3E}">
        <p14:creationId xmlns:p14="http://schemas.microsoft.com/office/powerpoint/2010/main" val="50203237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[Title and text (2)]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id="{D51AA5C6-C715-907E-4487-D4B8D746CA74}"/>
              </a:ext>
            </a:extLst>
          </p:cNvPr>
          <p:cNvSpPr>
            <a:spLocks noGrp="1" noSelect="1"/>
          </p:cNvSpPr>
          <p:nvPr>
            <p:ph type="title" hasCustomPrompt="1"/>
          </p:nvPr>
        </p:nvSpPr>
        <p:spPr>
          <a:xfrm>
            <a:off x="2433941" y="1242322"/>
            <a:ext cx="6674720" cy="646113"/>
          </a:xfrm>
        </p:spPr>
        <p:txBody>
          <a:bodyPr/>
          <a:lstStyle>
            <a:lvl1pPr>
              <a:lnSpc>
                <a:spcPct val="105000"/>
              </a:lnSpc>
              <a:defRPr sz="4000">
                <a:solidFill>
                  <a:srgbClr val="000000"/>
                </a:solidFill>
                <a:latin typeface="+mn-lt"/>
              </a:defRPr>
            </a:lvl1pPr>
          </a:lstStyle>
          <a:p>
            <a:r>
              <a:rPr lang="en-GB" dirty="0"/>
              <a:t>[Title]</a:t>
            </a:r>
          </a:p>
        </p:txBody>
      </p:sp>
      <p:sp>
        <p:nvSpPr>
          <p:cNvPr id="4" name="Placeholder 2  [PHJU] (JU-Free)">
            <a:extLst>
              <a:ext uri="{FF2B5EF4-FFF2-40B4-BE49-F238E27FC236}">
                <a16:creationId xmlns:a16="http://schemas.microsoft.com/office/drawing/2014/main" id="{57903617-E67E-5AB5-4D4F-BE7AF5BEE0C3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873750" y="2136775"/>
            <a:ext cx="3235325" cy="370681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[Tekst]</a:t>
            </a:r>
          </a:p>
          <a:p>
            <a:pPr lvl="0"/>
            <a:r>
              <a:rPr lang="en-GB"/>
              <a:t>JU-LEVEL1=List 1st level</a:t>
            </a:r>
          </a:p>
          <a:p>
            <a:pPr lvl="1"/>
            <a:r>
              <a:rPr lang="en-GB"/>
              <a:t>JU-LEVEL2=List 2nd level</a:t>
            </a:r>
          </a:p>
          <a:p>
            <a:pPr lvl="2"/>
            <a:r>
              <a:rPr lang="en-GB"/>
              <a:t>JU-LEVEL3=List 3rd level</a:t>
            </a:r>
          </a:p>
          <a:p>
            <a:pPr lvl="3"/>
            <a:r>
              <a:rPr lang="en-GB"/>
              <a:t>JU-LEVEL4=Heading</a:t>
            </a:r>
          </a:p>
          <a:p>
            <a:pPr lvl="4"/>
            <a:r>
              <a:rPr lang="en-GB"/>
              <a:t>JU-LEVEL5=Body text</a:t>
            </a:r>
          </a:p>
          <a:p>
            <a:pPr lvl="5"/>
            <a:r>
              <a:rPr lang="en-GB"/>
              <a:t>JU-LEVEL6=Indent 1st level</a:t>
            </a:r>
          </a:p>
          <a:p>
            <a:pPr lvl="6"/>
            <a:r>
              <a:rPr lang="en-GB"/>
              <a:t>JU-LEVEL7=Indent 2nd level</a:t>
            </a:r>
          </a:p>
          <a:p>
            <a:pPr lvl="7"/>
            <a:r>
              <a:rPr lang="en-GB"/>
              <a:t>JU-LEVEL8=Indent 3rd level</a:t>
            </a:r>
            <a:endParaRPr lang="en-GB" dirty="0"/>
          </a:p>
        </p:txBody>
      </p:sp>
      <p:sp>
        <p:nvSpPr>
          <p:cNvPr id="5" name="Frame Text 3  [PHJU] (JU-Free)">
            <a:extLst>
              <a:ext uri="{FF2B5EF4-FFF2-40B4-BE49-F238E27FC236}">
                <a16:creationId xmlns:a16="http://schemas.microsoft.com/office/drawing/2014/main" id="{DA333FF3-27A1-6B07-A64C-FA873FED4952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433941" y="2136775"/>
            <a:ext cx="3235325" cy="370681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[Tekst]</a:t>
            </a:r>
          </a:p>
          <a:p>
            <a:pPr lvl="0"/>
            <a:r>
              <a:rPr lang="en-GB"/>
              <a:t>JU-LEVEL1=List 1st level</a:t>
            </a:r>
          </a:p>
          <a:p>
            <a:pPr lvl="1"/>
            <a:r>
              <a:rPr lang="en-GB"/>
              <a:t>JU-LEVEL2=List 2nd level</a:t>
            </a:r>
          </a:p>
          <a:p>
            <a:pPr lvl="2"/>
            <a:r>
              <a:rPr lang="en-GB"/>
              <a:t>JU-LEVEL3=List 3rd level</a:t>
            </a:r>
          </a:p>
          <a:p>
            <a:pPr lvl="3"/>
            <a:r>
              <a:rPr lang="en-GB"/>
              <a:t>JU-LEVEL4=Heading</a:t>
            </a:r>
          </a:p>
          <a:p>
            <a:pPr lvl="4"/>
            <a:r>
              <a:rPr lang="en-GB"/>
              <a:t>JU-LEVEL5=Body text</a:t>
            </a:r>
          </a:p>
          <a:p>
            <a:pPr lvl="5"/>
            <a:r>
              <a:rPr lang="en-GB"/>
              <a:t>JU-LEVEL6=Indent 1st level</a:t>
            </a:r>
          </a:p>
          <a:p>
            <a:pPr lvl="6"/>
            <a:r>
              <a:rPr lang="en-GB"/>
              <a:t>JU-LEVEL7=Indent 2nd level</a:t>
            </a:r>
          </a:p>
          <a:p>
            <a:pPr lvl="7"/>
            <a:r>
              <a:rPr lang="en-GB"/>
              <a:t>JU-LEVEL8=Indent 3rd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7088683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[Title and subtitle]">
    <p:bg>
      <p:bgPr>
        <a:solidFill>
          <a:srgbClr val="0800FE">
            <a:alpha val="10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rame 1">
            <a:extLst>
              <a:ext uri="{FF2B5EF4-FFF2-40B4-BE49-F238E27FC236}">
                <a16:creationId xmlns:a16="http://schemas.microsoft.com/office/drawing/2014/main" id="{2AD33CD8-0C5F-4800-FDFF-703A5DA03131}"/>
              </a:ext>
            </a:extLst>
          </p:cNvPr>
          <p:cNvSpPr>
            <a:spLocks noSelect="1"/>
          </p:cNvSpPr>
          <p:nvPr userDrawn="1"/>
        </p:nvSpPr>
        <p:spPr bwMode="gray">
          <a:xfrm>
            <a:off x="1301751" y="5654675"/>
            <a:ext cx="1166813" cy="565150"/>
          </a:xfrm>
          <a:custGeom>
            <a:avLst/>
            <a:gdLst>
              <a:gd name="T0" fmla="*/ 740 w 3676"/>
              <a:gd name="T1" fmla="*/ 0 h 1781"/>
              <a:gd name="T2" fmla="*/ 858 w 3676"/>
              <a:gd name="T3" fmla="*/ 155 h 1781"/>
              <a:gd name="T4" fmla="*/ 835 w 3676"/>
              <a:gd name="T5" fmla="*/ 188 h 1781"/>
              <a:gd name="T6" fmla="*/ 934 w 3676"/>
              <a:gd name="T7" fmla="*/ 181 h 1781"/>
              <a:gd name="T8" fmla="*/ 1610 w 3676"/>
              <a:gd name="T9" fmla="*/ 827 h 1781"/>
              <a:gd name="T10" fmla="*/ 1803 w 3676"/>
              <a:gd name="T11" fmla="*/ 328 h 1781"/>
              <a:gd name="T12" fmla="*/ 1803 w 3676"/>
              <a:gd name="T13" fmla="*/ 181 h 1781"/>
              <a:gd name="T14" fmla="*/ 1779 w 3676"/>
              <a:gd name="T15" fmla="*/ 181 h 1781"/>
              <a:gd name="T16" fmla="*/ 1672 w 3676"/>
              <a:gd name="T17" fmla="*/ 194 h 1781"/>
              <a:gd name="T18" fmla="*/ 1727 w 3676"/>
              <a:gd name="T19" fmla="*/ 155 h 1781"/>
              <a:gd name="T20" fmla="*/ 1610 w 3676"/>
              <a:gd name="T21" fmla="*/ 0 h 1781"/>
              <a:gd name="T22" fmla="*/ 1514 w 3676"/>
              <a:gd name="T23" fmla="*/ 181 h 1781"/>
              <a:gd name="T24" fmla="*/ 1609 w 3676"/>
              <a:gd name="T25" fmla="*/ 827 h 1781"/>
              <a:gd name="T26" fmla="*/ 324 w 3676"/>
              <a:gd name="T27" fmla="*/ 1516 h 1781"/>
              <a:gd name="T28" fmla="*/ 232 w 3676"/>
              <a:gd name="T29" fmla="*/ 1759 h 1781"/>
              <a:gd name="T30" fmla="*/ 449 w 3676"/>
              <a:gd name="T31" fmla="*/ 1113 h 1781"/>
              <a:gd name="T32" fmla="*/ 449 w 3676"/>
              <a:gd name="T33" fmla="*/ 181 h 1781"/>
              <a:gd name="T34" fmla="*/ 200 w 3676"/>
              <a:gd name="T35" fmla="*/ 181 h 1781"/>
              <a:gd name="T36" fmla="*/ 417 w 3676"/>
              <a:gd name="T37" fmla="*/ 827 h 1781"/>
              <a:gd name="T38" fmla="*/ 3228 w 3676"/>
              <a:gd name="T39" fmla="*/ 1295 h 1781"/>
              <a:gd name="T40" fmla="*/ 2919 w 3676"/>
              <a:gd name="T41" fmla="*/ 1304 h 1781"/>
              <a:gd name="T42" fmla="*/ 3244 w 3676"/>
              <a:gd name="T43" fmla="*/ 1576 h 1781"/>
              <a:gd name="T44" fmla="*/ 2911 w 3676"/>
              <a:gd name="T45" fmla="*/ 1567 h 1781"/>
              <a:gd name="T46" fmla="*/ 3112 w 3676"/>
              <a:gd name="T47" fmla="*/ 1289 h 1781"/>
              <a:gd name="T48" fmla="*/ 2385 w 3676"/>
              <a:gd name="T49" fmla="*/ 181 h 1781"/>
              <a:gd name="T50" fmla="*/ 2171 w 3676"/>
              <a:gd name="T51" fmla="*/ 539 h 1781"/>
              <a:gd name="T52" fmla="*/ 1977 w 3676"/>
              <a:gd name="T53" fmla="*/ 568 h 1781"/>
              <a:gd name="T54" fmla="*/ 2393 w 3676"/>
              <a:gd name="T55" fmla="*/ 759 h 1781"/>
              <a:gd name="T56" fmla="*/ 2578 w 3676"/>
              <a:gd name="T57" fmla="*/ 827 h 1781"/>
              <a:gd name="T58" fmla="*/ 3167 w 3676"/>
              <a:gd name="T59" fmla="*/ 250 h 1781"/>
              <a:gd name="T60" fmla="*/ 3363 w 3676"/>
              <a:gd name="T61" fmla="*/ 181 h 1781"/>
              <a:gd name="T62" fmla="*/ 3169 w 3676"/>
              <a:gd name="T63" fmla="*/ 757 h 1781"/>
              <a:gd name="T64" fmla="*/ 2654 w 3676"/>
              <a:gd name="T65" fmla="*/ 504 h 1781"/>
              <a:gd name="T66" fmla="*/ 3169 w 3676"/>
              <a:gd name="T67" fmla="*/ 504 h 1781"/>
              <a:gd name="T68" fmla="*/ 2198 w 3676"/>
              <a:gd name="T69" fmla="*/ 1759 h 1781"/>
              <a:gd name="T70" fmla="*/ 2198 w 3676"/>
              <a:gd name="T71" fmla="*/ 930 h 1781"/>
              <a:gd name="T72" fmla="*/ 1765 w 3676"/>
              <a:gd name="T73" fmla="*/ 1600 h 1781"/>
              <a:gd name="T74" fmla="*/ 1468 w 3676"/>
              <a:gd name="T75" fmla="*/ 1113 h 1781"/>
              <a:gd name="T76" fmla="*/ 1716 w 3676"/>
              <a:gd name="T77" fmla="*/ 1780 h 1781"/>
              <a:gd name="T78" fmla="*/ 1886 w 3676"/>
              <a:gd name="T79" fmla="*/ 1759 h 1781"/>
              <a:gd name="T80" fmla="*/ 1876 w 3676"/>
              <a:gd name="T81" fmla="*/ 1113 h 1781"/>
              <a:gd name="T82" fmla="*/ 1264 w 3676"/>
              <a:gd name="T83" fmla="*/ 827 h 1781"/>
              <a:gd name="T84" fmla="*/ 1421 w 3676"/>
              <a:gd name="T85" fmla="*/ 180 h 1781"/>
              <a:gd name="T86" fmla="*/ 3482 w 3676"/>
              <a:gd name="T87" fmla="*/ 0 h 1781"/>
              <a:gd name="T88" fmla="*/ 3676 w 3676"/>
              <a:gd name="T89" fmla="*/ 0 h 1781"/>
              <a:gd name="T90" fmla="*/ 1354 w 3676"/>
              <a:gd name="T91" fmla="*/ 1113 h 1781"/>
              <a:gd name="T92" fmla="*/ 1161 w 3676"/>
              <a:gd name="T93" fmla="*/ 1689 h 1781"/>
              <a:gd name="T94" fmla="*/ 645 w 3676"/>
              <a:gd name="T95" fmla="*/ 1436 h 1781"/>
              <a:gd name="T96" fmla="*/ 1161 w 3676"/>
              <a:gd name="T97" fmla="*/ 1182 h 1781"/>
              <a:gd name="T98" fmla="*/ 998 w 3676"/>
              <a:gd name="T99" fmla="*/ 1271 h 1781"/>
              <a:gd name="T100" fmla="*/ 1161 w 3676"/>
              <a:gd name="T101" fmla="*/ 1436 h 1781"/>
              <a:gd name="T102" fmla="*/ 2750 w 3676"/>
              <a:gd name="T103" fmla="*/ 1112 h 1781"/>
              <a:gd name="T104" fmla="*/ 2643 w 3676"/>
              <a:gd name="T105" fmla="*/ 1124 h 1781"/>
              <a:gd name="T106" fmla="*/ 2698 w 3676"/>
              <a:gd name="T107" fmla="*/ 1085 h 1781"/>
              <a:gd name="T108" fmla="*/ 2581 w 3676"/>
              <a:gd name="T109" fmla="*/ 930 h 1781"/>
              <a:gd name="T110" fmla="*/ 2485 w 3676"/>
              <a:gd name="T111" fmla="*/ 1112 h 1781"/>
              <a:gd name="T112" fmla="*/ 2580 w 3676"/>
              <a:gd name="T113" fmla="*/ 1758 h 1781"/>
              <a:gd name="T114" fmla="*/ 2774 w 3676"/>
              <a:gd name="T115" fmla="*/ 1758 h 1781"/>
              <a:gd name="T116" fmla="*/ 2867 w 3676"/>
              <a:gd name="T117" fmla="*/ 1112 h 178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</a:cxnLst>
            <a:rect l="0" t="0" r="r" b="b"/>
            <a:pathLst>
              <a:path w="3676" h="1781">
                <a:moveTo>
                  <a:pt x="934" y="827"/>
                </a:moveTo>
                <a:cubicBezTo>
                  <a:pt x="740" y="827"/>
                  <a:pt x="740" y="827"/>
                  <a:pt x="740" y="827"/>
                </a:cubicBezTo>
                <a:cubicBezTo>
                  <a:pt x="740" y="0"/>
                  <a:pt x="740" y="0"/>
                  <a:pt x="740" y="0"/>
                </a:cubicBezTo>
                <a:cubicBezTo>
                  <a:pt x="934" y="0"/>
                  <a:pt x="934" y="0"/>
                  <a:pt x="934" y="0"/>
                </a:cubicBezTo>
                <a:cubicBezTo>
                  <a:pt x="934" y="30"/>
                  <a:pt x="934" y="30"/>
                  <a:pt x="934" y="30"/>
                </a:cubicBezTo>
                <a:cubicBezTo>
                  <a:pt x="930" y="83"/>
                  <a:pt x="905" y="129"/>
                  <a:pt x="858" y="155"/>
                </a:cubicBezTo>
                <a:cubicBezTo>
                  <a:pt x="843" y="164"/>
                  <a:pt x="819" y="166"/>
                  <a:pt x="803" y="168"/>
                </a:cubicBezTo>
                <a:cubicBezTo>
                  <a:pt x="803" y="194"/>
                  <a:pt x="803" y="194"/>
                  <a:pt x="803" y="194"/>
                </a:cubicBezTo>
                <a:cubicBezTo>
                  <a:pt x="811" y="193"/>
                  <a:pt x="823" y="191"/>
                  <a:pt x="835" y="188"/>
                </a:cubicBezTo>
                <a:cubicBezTo>
                  <a:pt x="860" y="184"/>
                  <a:pt x="885" y="181"/>
                  <a:pt x="910" y="181"/>
                </a:cubicBezTo>
                <a:cubicBezTo>
                  <a:pt x="934" y="181"/>
                  <a:pt x="934" y="181"/>
                  <a:pt x="934" y="181"/>
                </a:cubicBezTo>
                <a:cubicBezTo>
                  <a:pt x="934" y="181"/>
                  <a:pt x="934" y="181"/>
                  <a:pt x="934" y="181"/>
                </a:cubicBezTo>
                <a:lnTo>
                  <a:pt x="934" y="827"/>
                </a:lnTo>
                <a:close/>
                <a:moveTo>
                  <a:pt x="1609" y="827"/>
                </a:moveTo>
                <a:cubicBezTo>
                  <a:pt x="1610" y="827"/>
                  <a:pt x="1610" y="827"/>
                  <a:pt x="1610" y="827"/>
                </a:cubicBezTo>
                <a:cubicBezTo>
                  <a:pt x="1802" y="827"/>
                  <a:pt x="1802" y="827"/>
                  <a:pt x="1802" y="827"/>
                </a:cubicBezTo>
                <a:cubicBezTo>
                  <a:pt x="1803" y="827"/>
                  <a:pt x="1803" y="827"/>
                  <a:pt x="1803" y="827"/>
                </a:cubicBezTo>
                <a:cubicBezTo>
                  <a:pt x="1803" y="328"/>
                  <a:pt x="1803" y="328"/>
                  <a:pt x="1803" y="328"/>
                </a:cubicBezTo>
                <a:cubicBezTo>
                  <a:pt x="1896" y="328"/>
                  <a:pt x="1896" y="328"/>
                  <a:pt x="1896" y="328"/>
                </a:cubicBezTo>
                <a:cubicBezTo>
                  <a:pt x="1896" y="181"/>
                  <a:pt x="1896" y="181"/>
                  <a:pt x="1896" y="181"/>
                </a:cubicBezTo>
                <a:cubicBezTo>
                  <a:pt x="1803" y="181"/>
                  <a:pt x="1803" y="181"/>
                  <a:pt x="1803" y="181"/>
                </a:cubicBezTo>
                <a:cubicBezTo>
                  <a:pt x="1803" y="181"/>
                  <a:pt x="1803" y="181"/>
                  <a:pt x="1803" y="181"/>
                </a:cubicBezTo>
                <a:cubicBezTo>
                  <a:pt x="1802" y="181"/>
                  <a:pt x="1802" y="181"/>
                  <a:pt x="1802" y="181"/>
                </a:cubicBezTo>
                <a:cubicBezTo>
                  <a:pt x="1779" y="181"/>
                  <a:pt x="1779" y="181"/>
                  <a:pt x="1779" y="181"/>
                </a:cubicBezTo>
                <a:cubicBezTo>
                  <a:pt x="1779" y="181"/>
                  <a:pt x="1779" y="181"/>
                  <a:pt x="1779" y="181"/>
                </a:cubicBezTo>
                <a:cubicBezTo>
                  <a:pt x="1754" y="181"/>
                  <a:pt x="1728" y="184"/>
                  <a:pt x="1704" y="188"/>
                </a:cubicBezTo>
                <a:cubicBezTo>
                  <a:pt x="1691" y="191"/>
                  <a:pt x="1680" y="193"/>
                  <a:pt x="1672" y="194"/>
                </a:cubicBezTo>
                <a:cubicBezTo>
                  <a:pt x="1672" y="194"/>
                  <a:pt x="1672" y="194"/>
                  <a:pt x="1671" y="194"/>
                </a:cubicBezTo>
                <a:cubicBezTo>
                  <a:pt x="1671" y="168"/>
                  <a:pt x="1671" y="168"/>
                  <a:pt x="1671" y="168"/>
                </a:cubicBezTo>
                <a:cubicBezTo>
                  <a:pt x="1688" y="166"/>
                  <a:pt x="1711" y="164"/>
                  <a:pt x="1727" y="155"/>
                </a:cubicBezTo>
                <a:cubicBezTo>
                  <a:pt x="1773" y="129"/>
                  <a:pt x="1799" y="83"/>
                  <a:pt x="1802" y="30"/>
                </a:cubicBezTo>
                <a:cubicBezTo>
                  <a:pt x="1802" y="0"/>
                  <a:pt x="1802" y="0"/>
                  <a:pt x="1802" y="0"/>
                </a:cubicBezTo>
                <a:cubicBezTo>
                  <a:pt x="1610" y="0"/>
                  <a:pt x="1610" y="0"/>
                  <a:pt x="1610" y="0"/>
                </a:cubicBezTo>
                <a:cubicBezTo>
                  <a:pt x="1609" y="0"/>
                  <a:pt x="1609" y="0"/>
                  <a:pt x="1609" y="0"/>
                </a:cubicBezTo>
                <a:cubicBezTo>
                  <a:pt x="1609" y="181"/>
                  <a:pt x="1609" y="181"/>
                  <a:pt x="1609" y="181"/>
                </a:cubicBezTo>
                <a:cubicBezTo>
                  <a:pt x="1514" y="181"/>
                  <a:pt x="1514" y="181"/>
                  <a:pt x="1514" y="181"/>
                </a:cubicBezTo>
                <a:cubicBezTo>
                  <a:pt x="1514" y="328"/>
                  <a:pt x="1514" y="328"/>
                  <a:pt x="1514" y="328"/>
                </a:cubicBezTo>
                <a:cubicBezTo>
                  <a:pt x="1609" y="328"/>
                  <a:pt x="1609" y="328"/>
                  <a:pt x="1609" y="328"/>
                </a:cubicBezTo>
                <a:lnTo>
                  <a:pt x="1609" y="827"/>
                </a:lnTo>
                <a:close/>
                <a:moveTo>
                  <a:pt x="449" y="1113"/>
                </a:moveTo>
                <a:cubicBezTo>
                  <a:pt x="326" y="1516"/>
                  <a:pt x="326" y="1516"/>
                  <a:pt x="326" y="1516"/>
                </a:cubicBezTo>
                <a:cubicBezTo>
                  <a:pt x="324" y="1516"/>
                  <a:pt x="324" y="1516"/>
                  <a:pt x="324" y="1516"/>
                </a:cubicBezTo>
                <a:cubicBezTo>
                  <a:pt x="200" y="1113"/>
                  <a:pt x="200" y="1113"/>
                  <a:pt x="200" y="1113"/>
                </a:cubicBezTo>
                <a:cubicBezTo>
                  <a:pt x="0" y="1113"/>
                  <a:pt x="0" y="1113"/>
                  <a:pt x="0" y="1113"/>
                </a:cubicBezTo>
                <a:cubicBezTo>
                  <a:pt x="232" y="1759"/>
                  <a:pt x="232" y="1759"/>
                  <a:pt x="232" y="1759"/>
                </a:cubicBezTo>
                <a:cubicBezTo>
                  <a:pt x="417" y="1759"/>
                  <a:pt x="417" y="1759"/>
                  <a:pt x="417" y="1759"/>
                </a:cubicBezTo>
                <a:cubicBezTo>
                  <a:pt x="650" y="1113"/>
                  <a:pt x="650" y="1113"/>
                  <a:pt x="650" y="1113"/>
                </a:cubicBezTo>
                <a:lnTo>
                  <a:pt x="449" y="1113"/>
                </a:lnTo>
                <a:close/>
                <a:moveTo>
                  <a:pt x="417" y="827"/>
                </a:moveTo>
                <a:cubicBezTo>
                  <a:pt x="650" y="181"/>
                  <a:pt x="650" y="181"/>
                  <a:pt x="650" y="181"/>
                </a:cubicBezTo>
                <a:cubicBezTo>
                  <a:pt x="449" y="181"/>
                  <a:pt x="449" y="181"/>
                  <a:pt x="449" y="181"/>
                </a:cubicBezTo>
                <a:cubicBezTo>
                  <a:pt x="326" y="584"/>
                  <a:pt x="326" y="584"/>
                  <a:pt x="326" y="584"/>
                </a:cubicBezTo>
                <a:cubicBezTo>
                  <a:pt x="324" y="584"/>
                  <a:pt x="324" y="584"/>
                  <a:pt x="324" y="584"/>
                </a:cubicBezTo>
                <a:cubicBezTo>
                  <a:pt x="200" y="181"/>
                  <a:pt x="200" y="181"/>
                  <a:pt x="200" y="181"/>
                </a:cubicBezTo>
                <a:cubicBezTo>
                  <a:pt x="0" y="181"/>
                  <a:pt x="0" y="181"/>
                  <a:pt x="0" y="181"/>
                </a:cubicBezTo>
                <a:cubicBezTo>
                  <a:pt x="232" y="827"/>
                  <a:pt x="232" y="827"/>
                  <a:pt x="232" y="827"/>
                </a:cubicBezTo>
                <a:lnTo>
                  <a:pt x="417" y="827"/>
                </a:lnTo>
                <a:close/>
                <a:moveTo>
                  <a:pt x="3112" y="1289"/>
                </a:moveTo>
                <a:cubicBezTo>
                  <a:pt x="3112" y="1260"/>
                  <a:pt x="3142" y="1246"/>
                  <a:pt x="3167" y="1246"/>
                </a:cubicBezTo>
                <a:cubicBezTo>
                  <a:pt x="3201" y="1246"/>
                  <a:pt x="3227" y="1259"/>
                  <a:pt x="3228" y="1295"/>
                </a:cubicBezTo>
                <a:cubicBezTo>
                  <a:pt x="3417" y="1295"/>
                  <a:pt x="3417" y="1295"/>
                  <a:pt x="3417" y="1295"/>
                </a:cubicBezTo>
                <a:cubicBezTo>
                  <a:pt x="3405" y="1157"/>
                  <a:pt x="3299" y="1091"/>
                  <a:pt x="3170" y="1091"/>
                </a:cubicBezTo>
                <a:cubicBezTo>
                  <a:pt x="3045" y="1091"/>
                  <a:pt x="2919" y="1169"/>
                  <a:pt x="2919" y="1304"/>
                </a:cubicBezTo>
                <a:cubicBezTo>
                  <a:pt x="2919" y="1395"/>
                  <a:pt x="2996" y="1445"/>
                  <a:pt x="3073" y="1473"/>
                </a:cubicBezTo>
                <a:cubicBezTo>
                  <a:pt x="3101" y="1483"/>
                  <a:pt x="3129" y="1493"/>
                  <a:pt x="3157" y="1502"/>
                </a:cubicBezTo>
                <a:cubicBezTo>
                  <a:pt x="3192" y="1516"/>
                  <a:pt x="3244" y="1530"/>
                  <a:pt x="3244" y="1576"/>
                </a:cubicBezTo>
                <a:cubicBezTo>
                  <a:pt x="3244" y="1610"/>
                  <a:pt x="3206" y="1626"/>
                  <a:pt x="3176" y="1626"/>
                </a:cubicBezTo>
                <a:cubicBezTo>
                  <a:pt x="3138" y="1626"/>
                  <a:pt x="3109" y="1607"/>
                  <a:pt x="3103" y="1567"/>
                </a:cubicBezTo>
                <a:cubicBezTo>
                  <a:pt x="2911" y="1567"/>
                  <a:pt x="2911" y="1567"/>
                  <a:pt x="2911" y="1567"/>
                </a:cubicBezTo>
                <a:cubicBezTo>
                  <a:pt x="2926" y="1709"/>
                  <a:pt x="3039" y="1781"/>
                  <a:pt x="3174" y="1781"/>
                </a:cubicBezTo>
                <a:cubicBezTo>
                  <a:pt x="3306" y="1781"/>
                  <a:pt x="3437" y="1707"/>
                  <a:pt x="3437" y="1561"/>
                </a:cubicBezTo>
                <a:cubicBezTo>
                  <a:pt x="3437" y="1333"/>
                  <a:pt x="3112" y="1390"/>
                  <a:pt x="3112" y="1289"/>
                </a:cubicBezTo>
                <a:close/>
                <a:moveTo>
                  <a:pt x="2578" y="827"/>
                </a:moveTo>
                <a:cubicBezTo>
                  <a:pt x="2578" y="181"/>
                  <a:pt x="2578" y="181"/>
                  <a:pt x="2578" y="181"/>
                </a:cubicBezTo>
                <a:cubicBezTo>
                  <a:pt x="2385" y="181"/>
                  <a:pt x="2385" y="181"/>
                  <a:pt x="2385" y="181"/>
                </a:cubicBezTo>
                <a:cubicBezTo>
                  <a:pt x="2385" y="536"/>
                  <a:pt x="2385" y="536"/>
                  <a:pt x="2385" y="536"/>
                </a:cubicBezTo>
                <a:cubicBezTo>
                  <a:pt x="2385" y="611"/>
                  <a:pt x="2354" y="668"/>
                  <a:pt x="2274" y="668"/>
                </a:cubicBezTo>
                <a:cubicBezTo>
                  <a:pt x="2187" y="668"/>
                  <a:pt x="2171" y="612"/>
                  <a:pt x="2171" y="539"/>
                </a:cubicBezTo>
                <a:cubicBezTo>
                  <a:pt x="2171" y="181"/>
                  <a:pt x="2171" y="181"/>
                  <a:pt x="2171" y="181"/>
                </a:cubicBezTo>
                <a:cubicBezTo>
                  <a:pt x="1977" y="181"/>
                  <a:pt x="1977" y="181"/>
                  <a:pt x="1977" y="181"/>
                </a:cubicBezTo>
                <a:cubicBezTo>
                  <a:pt x="1977" y="568"/>
                  <a:pt x="1977" y="568"/>
                  <a:pt x="1977" y="568"/>
                </a:cubicBezTo>
                <a:cubicBezTo>
                  <a:pt x="1977" y="648"/>
                  <a:pt x="1983" y="702"/>
                  <a:pt x="2036" y="767"/>
                </a:cubicBezTo>
                <a:cubicBezTo>
                  <a:pt x="2082" y="824"/>
                  <a:pt x="2154" y="848"/>
                  <a:pt x="2225" y="848"/>
                </a:cubicBezTo>
                <a:cubicBezTo>
                  <a:pt x="2297" y="848"/>
                  <a:pt x="2359" y="828"/>
                  <a:pt x="2393" y="759"/>
                </a:cubicBezTo>
                <a:cubicBezTo>
                  <a:pt x="2395" y="759"/>
                  <a:pt x="2395" y="759"/>
                  <a:pt x="2395" y="759"/>
                </a:cubicBezTo>
                <a:cubicBezTo>
                  <a:pt x="2395" y="827"/>
                  <a:pt x="2395" y="827"/>
                  <a:pt x="2395" y="827"/>
                </a:cubicBezTo>
                <a:lnTo>
                  <a:pt x="2578" y="827"/>
                </a:lnTo>
                <a:close/>
                <a:moveTo>
                  <a:pt x="2654" y="504"/>
                </a:moveTo>
                <a:cubicBezTo>
                  <a:pt x="2654" y="315"/>
                  <a:pt x="2784" y="159"/>
                  <a:pt x="2978" y="159"/>
                </a:cubicBezTo>
                <a:cubicBezTo>
                  <a:pt x="3049" y="159"/>
                  <a:pt x="3129" y="186"/>
                  <a:pt x="3167" y="250"/>
                </a:cubicBezTo>
                <a:cubicBezTo>
                  <a:pt x="3169" y="250"/>
                  <a:pt x="3169" y="250"/>
                  <a:pt x="3169" y="250"/>
                </a:cubicBezTo>
                <a:cubicBezTo>
                  <a:pt x="3169" y="181"/>
                  <a:pt x="3169" y="181"/>
                  <a:pt x="3169" y="181"/>
                </a:cubicBezTo>
                <a:cubicBezTo>
                  <a:pt x="3363" y="181"/>
                  <a:pt x="3363" y="181"/>
                  <a:pt x="3363" y="181"/>
                </a:cubicBezTo>
                <a:cubicBezTo>
                  <a:pt x="3363" y="827"/>
                  <a:pt x="3363" y="827"/>
                  <a:pt x="3363" y="827"/>
                </a:cubicBezTo>
                <a:cubicBezTo>
                  <a:pt x="3169" y="827"/>
                  <a:pt x="3169" y="827"/>
                  <a:pt x="3169" y="827"/>
                </a:cubicBezTo>
                <a:cubicBezTo>
                  <a:pt x="3169" y="757"/>
                  <a:pt x="3169" y="757"/>
                  <a:pt x="3169" y="757"/>
                </a:cubicBezTo>
                <a:cubicBezTo>
                  <a:pt x="3167" y="757"/>
                  <a:pt x="3167" y="757"/>
                  <a:pt x="3167" y="757"/>
                </a:cubicBezTo>
                <a:cubicBezTo>
                  <a:pt x="3132" y="824"/>
                  <a:pt x="3048" y="849"/>
                  <a:pt x="2978" y="849"/>
                </a:cubicBezTo>
                <a:cubicBezTo>
                  <a:pt x="2779" y="849"/>
                  <a:pt x="2654" y="696"/>
                  <a:pt x="2654" y="504"/>
                </a:cubicBezTo>
                <a:close/>
                <a:moveTo>
                  <a:pt x="2847" y="506"/>
                </a:moveTo>
                <a:cubicBezTo>
                  <a:pt x="2847" y="596"/>
                  <a:pt x="2917" y="669"/>
                  <a:pt x="3008" y="669"/>
                </a:cubicBezTo>
                <a:cubicBezTo>
                  <a:pt x="3102" y="669"/>
                  <a:pt x="3169" y="597"/>
                  <a:pt x="3169" y="504"/>
                </a:cubicBezTo>
                <a:cubicBezTo>
                  <a:pt x="3169" y="409"/>
                  <a:pt x="3101" y="340"/>
                  <a:pt x="3006" y="340"/>
                </a:cubicBezTo>
                <a:cubicBezTo>
                  <a:pt x="2912" y="340"/>
                  <a:pt x="2847" y="414"/>
                  <a:pt x="2847" y="506"/>
                </a:cubicBezTo>
                <a:close/>
                <a:moveTo>
                  <a:pt x="2198" y="1759"/>
                </a:moveTo>
                <a:cubicBezTo>
                  <a:pt x="2392" y="1759"/>
                  <a:pt x="2392" y="1759"/>
                  <a:pt x="2392" y="1759"/>
                </a:cubicBezTo>
                <a:cubicBezTo>
                  <a:pt x="2392" y="930"/>
                  <a:pt x="2392" y="930"/>
                  <a:pt x="2392" y="930"/>
                </a:cubicBezTo>
                <a:cubicBezTo>
                  <a:pt x="2198" y="930"/>
                  <a:pt x="2198" y="930"/>
                  <a:pt x="2198" y="930"/>
                </a:cubicBezTo>
                <a:lnTo>
                  <a:pt x="2198" y="1759"/>
                </a:lnTo>
                <a:close/>
                <a:moveTo>
                  <a:pt x="1876" y="1468"/>
                </a:moveTo>
                <a:cubicBezTo>
                  <a:pt x="1876" y="1543"/>
                  <a:pt x="1845" y="1600"/>
                  <a:pt x="1765" y="1600"/>
                </a:cubicBezTo>
                <a:cubicBezTo>
                  <a:pt x="1678" y="1600"/>
                  <a:pt x="1661" y="1544"/>
                  <a:pt x="1661" y="1470"/>
                </a:cubicBezTo>
                <a:cubicBezTo>
                  <a:pt x="1661" y="1113"/>
                  <a:pt x="1661" y="1113"/>
                  <a:pt x="1661" y="1113"/>
                </a:cubicBezTo>
                <a:cubicBezTo>
                  <a:pt x="1468" y="1113"/>
                  <a:pt x="1468" y="1113"/>
                  <a:pt x="1468" y="1113"/>
                </a:cubicBezTo>
                <a:cubicBezTo>
                  <a:pt x="1468" y="1500"/>
                  <a:pt x="1468" y="1500"/>
                  <a:pt x="1468" y="1500"/>
                </a:cubicBezTo>
                <a:cubicBezTo>
                  <a:pt x="1468" y="1580"/>
                  <a:pt x="1474" y="1633"/>
                  <a:pt x="1526" y="1699"/>
                </a:cubicBezTo>
                <a:cubicBezTo>
                  <a:pt x="1573" y="1756"/>
                  <a:pt x="1645" y="1780"/>
                  <a:pt x="1716" y="1780"/>
                </a:cubicBezTo>
                <a:cubicBezTo>
                  <a:pt x="1788" y="1780"/>
                  <a:pt x="1850" y="1760"/>
                  <a:pt x="1884" y="1690"/>
                </a:cubicBezTo>
                <a:cubicBezTo>
                  <a:pt x="1886" y="1690"/>
                  <a:pt x="1886" y="1690"/>
                  <a:pt x="1886" y="1690"/>
                </a:cubicBezTo>
                <a:cubicBezTo>
                  <a:pt x="1886" y="1759"/>
                  <a:pt x="1886" y="1759"/>
                  <a:pt x="1886" y="1759"/>
                </a:cubicBezTo>
                <a:cubicBezTo>
                  <a:pt x="2069" y="1759"/>
                  <a:pt x="2069" y="1759"/>
                  <a:pt x="2069" y="1759"/>
                </a:cubicBezTo>
                <a:cubicBezTo>
                  <a:pt x="2069" y="1113"/>
                  <a:pt x="2069" y="1113"/>
                  <a:pt x="2069" y="1113"/>
                </a:cubicBezTo>
                <a:cubicBezTo>
                  <a:pt x="1876" y="1113"/>
                  <a:pt x="1876" y="1113"/>
                  <a:pt x="1876" y="1113"/>
                </a:cubicBezTo>
                <a:lnTo>
                  <a:pt x="1876" y="1468"/>
                </a:lnTo>
                <a:close/>
                <a:moveTo>
                  <a:pt x="1071" y="827"/>
                </a:moveTo>
                <a:cubicBezTo>
                  <a:pt x="1264" y="827"/>
                  <a:pt x="1264" y="827"/>
                  <a:pt x="1264" y="827"/>
                </a:cubicBezTo>
                <a:cubicBezTo>
                  <a:pt x="1265" y="328"/>
                  <a:pt x="1265" y="328"/>
                  <a:pt x="1265" y="328"/>
                </a:cubicBezTo>
                <a:cubicBezTo>
                  <a:pt x="1421" y="328"/>
                  <a:pt x="1421" y="328"/>
                  <a:pt x="1421" y="328"/>
                </a:cubicBezTo>
                <a:cubicBezTo>
                  <a:pt x="1421" y="180"/>
                  <a:pt x="1421" y="180"/>
                  <a:pt x="1421" y="180"/>
                </a:cubicBezTo>
                <a:cubicBezTo>
                  <a:pt x="1071" y="180"/>
                  <a:pt x="1071" y="180"/>
                  <a:pt x="1071" y="180"/>
                </a:cubicBezTo>
                <a:lnTo>
                  <a:pt x="1071" y="827"/>
                </a:lnTo>
                <a:close/>
                <a:moveTo>
                  <a:pt x="3482" y="0"/>
                </a:moveTo>
                <a:cubicBezTo>
                  <a:pt x="3482" y="827"/>
                  <a:pt x="3482" y="827"/>
                  <a:pt x="3482" y="827"/>
                </a:cubicBezTo>
                <a:cubicBezTo>
                  <a:pt x="3676" y="827"/>
                  <a:pt x="3676" y="827"/>
                  <a:pt x="3676" y="827"/>
                </a:cubicBezTo>
                <a:cubicBezTo>
                  <a:pt x="3676" y="0"/>
                  <a:pt x="3676" y="0"/>
                  <a:pt x="3676" y="0"/>
                </a:cubicBezTo>
                <a:lnTo>
                  <a:pt x="3482" y="0"/>
                </a:lnTo>
                <a:close/>
                <a:moveTo>
                  <a:pt x="1161" y="1113"/>
                </a:moveTo>
                <a:cubicBezTo>
                  <a:pt x="1354" y="1113"/>
                  <a:pt x="1354" y="1113"/>
                  <a:pt x="1354" y="1113"/>
                </a:cubicBezTo>
                <a:cubicBezTo>
                  <a:pt x="1354" y="1759"/>
                  <a:pt x="1354" y="1759"/>
                  <a:pt x="1354" y="1759"/>
                </a:cubicBezTo>
                <a:cubicBezTo>
                  <a:pt x="1161" y="1759"/>
                  <a:pt x="1161" y="1759"/>
                  <a:pt x="1161" y="1759"/>
                </a:cubicBezTo>
                <a:cubicBezTo>
                  <a:pt x="1161" y="1689"/>
                  <a:pt x="1161" y="1689"/>
                  <a:pt x="1161" y="1689"/>
                </a:cubicBezTo>
                <a:cubicBezTo>
                  <a:pt x="1159" y="1689"/>
                  <a:pt x="1159" y="1689"/>
                  <a:pt x="1159" y="1689"/>
                </a:cubicBezTo>
                <a:cubicBezTo>
                  <a:pt x="1124" y="1756"/>
                  <a:pt x="1040" y="1781"/>
                  <a:pt x="970" y="1781"/>
                </a:cubicBezTo>
                <a:cubicBezTo>
                  <a:pt x="771" y="1781"/>
                  <a:pt x="645" y="1628"/>
                  <a:pt x="645" y="1436"/>
                </a:cubicBezTo>
                <a:cubicBezTo>
                  <a:pt x="645" y="1247"/>
                  <a:pt x="776" y="1091"/>
                  <a:pt x="970" y="1091"/>
                </a:cubicBezTo>
                <a:cubicBezTo>
                  <a:pt x="1041" y="1091"/>
                  <a:pt x="1120" y="1118"/>
                  <a:pt x="1159" y="1182"/>
                </a:cubicBezTo>
                <a:cubicBezTo>
                  <a:pt x="1161" y="1182"/>
                  <a:pt x="1161" y="1182"/>
                  <a:pt x="1161" y="1182"/>
                </a:cubicBezTo>
                <a:lnTo>
                  <a:pt x="1161" y="1113"/>
                </a:lnTo>
                <a:close/>
                <a:moveTo>
                  <a:pt x="1161" y="1436"/>
                </a:moveTo>
                <a:cubicBezTo>
                  <a:pt x="1161" y="1341"/>
                  <a:pt x="1092" y="1271"/>
                  <a:pt x="998" y="1271"/>
                </a:cubicBezTo>
                <a:cubicBezTo>
                  <a:pt x="904" y="1271"/>
                  <a:pt x="839" y="1346"/>
                  <a:pt x="839" y="1438"/>
                </a:cubicBezTo>
                <a:cubicBezTo>
                  <a:pt x="839" y="1527"/>
                  <a:pt x="908" y="1601"/>
                  <a:pt x="999" y="1601"/>
                </a:cubicBezTo>
                <a:cubicBezTo>
                  <a:pt x="1093" y="1601"/>
                  <a:pt x="1161" y="1529"/>
                  <a:pt x="1161" y="1436"/>
                </a:cubicBezTo>
                <a:close/>
                <a:moveTo>
                  <a:pt x="2774" y="1112"/>
                </a:moveTo>
                <a:cubicBezTo>
                  <a:pt x="2774" y="1112"/>
                  <a:pt x="2774" y="1112"/>
                  <a:pt x="2774" y="1112"/>
                </a:cubicBezTo>
                <a:cubicBezTo>
                  <a:pt x="2750" y="1112"/>
                  <a:pt x="2750" y="1112"/>
                  <a:pt x="2750" y="1112"/>
                </a:cubicBezTo>
                <a:cubicBezTo>
                  <a:pt x="2750" y="1112"/>
                  <a:pt x="2750" y="1112"/>
                  <a:pt x="2750" y="1112"/>
                </a:cubicBezTo>
                <a:cubicBezTo>
                  <a:pt x="2725" y="1112"/>
                  <a:pt x="2700" y="1114"/>
                  <a:pt x="2675" y="1119"/>
                </a:cubicBezTo>
                <a:cubicBezTo>
                  <a:pt x="2663" y="1121"/>
                  <a:pt x="2651" y="1123"/>
                  <a:pt x="2643" y="1124"/>
                </a:cubicBezTo>
                <a:cubicBezTo>
                  <a:pt x="2643" y="1124"/>
                  <a:pt x="2643" y="1124"/>
                  <a:pt x="2643" y="1124"/>
                </a:cubicBezTo>
                <a:cubicBezTo>
                  <a:pt x="2643" y="1099"/>
                  <a:pt x="2643" y="1099"/>
                  <a:pt x="2643" y="1099"/>
                </a:cubicBezTo>
                <a:cubicBezTo>
                  <a:pt x="2659" y="1096"/>
                  <a:pt x="2683" y="1094"/>
                  <a:pt x="2698" y="1085"/>
                </a:cubicBezTo>
                <a:cubicBezTo>
                  <a:pt x="2745" y="1060"/>
                  <a:pt x="2770" y="1013"/>
                  <a:pt x="2774" y="961"/>
                </a:cubicBezTo>
                <a:cubicBezTo>
                  <a:pt x="2774" y="930"/>
                  <a:pt x="2774" y="930"/>
                  <a:pt x="2774" y="930"/>
                </a:cubicBezTo>
                <a:cubicBezTo>
                  <a:pt x="2581" y="930"/>
                  <a:pt x="2581" y="930"/>
                  <a:pt x="2581" y="930"/>
                </a:cubicBezTo>
                <a:cubicBezTo>
                  <a:pt x="2580" y="930"/>
                  <a:pt x="2580" y="930"/>
                  <a:pt x="2580" y="930"/>
                </a:cubicBezTo>
                <a:cubicBezTo>
                  <a:pt x="2580" y="1112"/>
                  <a:pt x="2580" y="1112"/>
                  <a:pt x="2580" y="1112"/>
                </a:cubicBezTo>
                <a:cubicBezTo>
                  <a:pt x="2485" y="1112"/>
                  <a:pt x="2485" y="1112"/>
                  <a:pt x="2485" y="1112"/>
                </a:cubicBezTo>
                <a:cubicBezTo>
                  <a:pt x="2485" y="1259"/>
                  <a:pt x="2485" y="1259"/>
                  <a:pt x="2485" y="1259"/>
                </a:cubicBezTo>
                <a:cubicBezTo>
                  <a:pt x="2580" y="1259"/>
                  <a:pt x="2580" y="1259"/>
                  <a:pt x="2580" y="1259"/>
                </a:cubicBezTo>
                <a:cubicBezTo>
                  <a:pt x="2580" y="1758"/>
                  <a:pt x="2580" y="1758"/>
                  <a:pt x="2580" y="1758"/>
                </a:cubicBezTo>
                <a:cubicBezTo>
                  <a:pt x="2581" y="1758"/>
                  <a:pt x="2581" y="1758"/>
                  <a:pt x="2581" y="1758"/>
                </a:cubicBezTo>
                <a:cubicBezTo>
                  <a:pt x="2774" y="1758"/>
                  <a:pt x="2774" y="1758"/>
                  <a:pt x="2774" y="1758"/>
                </a:cubicBezTo>
                <a:cubicBezTo>
                  <a:pt x="2774" y="1758"/>
                  <a:pt x="2774" y="1758"/>
                  <a:pt x="2774" y="1758"/>
                </a:cubicBezTo>
                <a:cubicBezTo>
                  <a:pt x="2774" y="1259"/>
                  <a:pt x="2774" y="1259"/>
                  <a:pt x="2774" y="1259"/>
                </a:cubicBezTo>
                <a:cubicBezTo>
                  <a:pt x="2867" y="1259"/>
                  <a:pt x="2867" y="1259"/>
                  <a:pt x="2867" y="1259"/>
                </a:cubicBezTo>
                <a:cubicBezTo>
                  <a:pt x="2867" y="1112"/>
                  <a:pt x="2867" y="1112"/>
                  <a:pt x="2867" y="1112"/>
                </a:cubicBezTo>
                <a:cubicBezTo>
                  <a:pt x="2774" y="1112"/>
                  <a:pt x="2774" y="1112"/>
                  <a:pt x="2774" y="1112"/>
                </a:cubicBezTo>
                <a:close/>
              </a:path>
            </a:pathLst>
          </a:custGeom>
          <a:solidFill>
            <a:srgbClr val="00000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2" name="Title 2">
            <a:extLst>
              <a:ext uri="{FF2B5EF4-FFF2-40B4-BE49-F238E27FC236}">
                <a16:creationId xmlns:a16="http://schemas.microsoft.com/office/drawing/2014/main" id="{FD8E9D43-A193-B4EB-ACA5-D8292BB15DA4}"/>
              </a:ext>
            </a:extLst>
          </p:cNvPr>
          <p:cNvSpPr>
            <a:spLocks noGrp="1" noSelect="1"/>
          </p:cNvSpPr>
          <p:nvPr>
            <p:ph type="title" hasCustomPrompt="1"/>
          </p:nvPr>
        </p:nvSpPr>
        <p:spPr>
          <a:xfrm>
            <a:off x="1287971" y="475718"/>
            <a:ext cx="8730672" cy="1637988"/>
          </a:xfrm>
        </p:spPr>
        <p:txBody>
          <a:bodyPr anchor="b" anchorCtr="0"/>
          <a:lstStyle>
            <a:lvl1pPr>
              <a:lnSpc>
                <a:spcPct val="83000"/>
              </a:lnSpc>
              <a:defRPr sz="6500" b="0">
                <a:solidFill>
                  <a:srgbClr val="000000"/>
                </a:solidFill>
              </a:defRPr>
            </a:lvl1pPr>
          </a:lstStyle>
          <a:p>
            <a:r>
              <a:rPr lang="en-GB" dirty="0"/>
              <a:t>[Title]</a:t>
            </a:r>
          </a:p>
        </p:txBody>
      </p:sp>
      <p:sp>
        <p:nvSpPr>
          <p:cNvPr id="8" name="Subtitle 3 [PHJU]">
            <a:extLst>
              <a:ext uri="{FF2B5EF4-FFF2-40B4-BE49-F238E27FC236}">
                <a16:creationId xmlns:a16="http://schemas.microsoft.com/office/drawing/2014/main" id="{1D9DB18B-1FDD-D32E-B83C-78C0E26E3AA1}"/>
              </a:ext>
            </a:extLst>
          </p:cNvPr>
          <p:cNvSpPr>
            <a:spLocks noGrp="1" noSelect="1"/>
          </p:cNvSpPr>
          <p:nvPr>
            <p:ph type="subTitle" idx="1" hasCustomPrompt="1"/>
          </p:nvPr>
        </p:nvSpPr>
        <p:spPr>
          <a:xfrm>
            <a:off x="1301222" y="2104872"/>
            <a:ext cx="8717421" cy="1243511"/>
          </a:xfrm>
        </p:spPr>
        <p:txBody>
          <a:bodyPr/>
          <a:lstStyle>
            <a:lvl1pPr marL="0" indent="0" algn="l">
              <a:lnSpc>
                <a:spcPct val="103000"/>
              </a:lnSpc>
              <a:buNone/>
              <a:defRPr sz="4000">
                <a:solidFill>
                  <a:srgbClr val="000000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[</a:t>
            </a:r>
            <a:r>
              <a:rPr lang="en-GB" noProof="0"/>
              <a:t>Subtitle</a:t>
            </a:r>
            <a:r>
              <a:rPr lang="en-GB"/>
              <a:t>]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4589889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[Empty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55274641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BCD938-F58B-81DB-9D8C-DD2C9A67094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BB56893-E764-9E9A-9613-42FD8EF9CFB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N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70F48CC-1629-BAC7-A1D1-8DC9ABDF9D0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03D7CD-B121-42A5-8C50-3A1F5DD6895B}" type="datetimeFigureOut">
              <a:rPr lang="en-GB" smtClean="0"/>
              <a:pPr/>
              <a:t>10/05/2023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32EF225-9A72-5353-13B0-7CDF837D0B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011BF27-A50C-46AC-08F8-D1C9680AFDC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/>
              <a:t>| </a:t>
            </a:r>
            <a:fld id="{8F18802B-E4C7-4B2D-B37A-6B7CC3C134EA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90904993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9CA605-4ACC-040C-25F1-5C3DF0158C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331B077-0DB8-D9B8-23DB-E11A53F2EAC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7166930-415A-0FC9-1487-C861FBB1E9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03D7CD-B121-42A5-8C50-3A1F5DD6895B}" type="datetimeFigureOut">
              <a:rPr lang="en-GB" smtClean="0"/>
              <a:pPr/>
              <a:t>10/05/2023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2F381DB-B975-9433-E452-25DA62C8ABC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5BF49CC-6A4E-793F-3FD4-048C70E3F90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/>
              <a:t>| </a:t>
            </a:r>
            <a:fld id="{8F18802B-E4C7-4B2D-B37A-6B7CC3C134EA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8952122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71F959F-0184-C126-29E0-8CE4157593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FC65082-FEFF-781D-E7DC-065DC174F6A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9AFB692-B3AC-8DAC-DC85-B1D5CBB9337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03D7CD-B121-42A5-8C50-3A1F5DD6895B}" type="datetimeFigureOut">
              <a:rPr lang="en-GB" smtClean="0"/>
              <a:pPr/>
              <a:t>10/05/2023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6C0E769-3A27-29B7-6501-4F86572F243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BF6ED5C-0CA1-A455-8AA8-A26A7209AE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/>
              <a:t>| </a:t>
            </a:r>
            <a:fld id="{8F18802B-E4C7-4B2D-B37A-6B7CC3C134EA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30666167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682C1F-79D2-1E50-4204-437CF83D53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3955A8D-33B7-3588-3D6A-456673A656E8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F09D347-257B-6523-FA9D-8CFC8ED23C7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90E6C20-FFE9-BDE9-BADE-537BF74B98F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03D7CD-B121-42A5-8C50-3A1F5DD6895B}" type="datetimeFigureOut">
              <a:rPr lang="en-GB" smtClean="0"/>
              <a:pPr/>
              <a:t>10/05/2023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1EDCC4D-4D27-EA41-5009-5743A65EEE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3AD0145-BA61-7114-0889-00E8778A29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/>
              <a:t>| </a:t>
            </a:r>
            <a:fld id="{8F18802B-E4C7-4B2D-B37A-6B7CC3C134EA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8317161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A2D77D-747C-47F9-A9C7-120A576FC5D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88A742D-8AB5-C521-29F0-8E49EDD4A4D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ECEB492-8DB5-7B93-F1B6-1464163E804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EB62849-B66F-EEDD-D4A5-72000360B8A6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AFCB1C3-477A-7919-67BB-FEAA86CB4F76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6B1F157-7A41-930A-8177-1917556B4AF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03D7CD-B121-42A5-8C50-3A1F5DD6895B}" type="datetimeFigureOut">
              <a:rPr lang="en-GB" smtClean="0"/>
              <a:pPr/>
              <a:t>10/05/2023</a:t>
            </a:fld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F23516FB-8A0E-FFD5-7E59-9CDC237156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C165ED97-7446-E389-BC49-C37768757D3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/>
              <a:t>| </a:t>
            </a:r>
            <a:fld id="{8F18802B-E4C7-4B2D-B37A-6B7CC3C134EA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2527776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FA0DC3-0507-3180-1492-D3BFDEFCAEE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D3C218A-ECA4-6463-28EE-BEF0EC66B1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03D7CD-B121-42A5-8C50-3A1F5DD6895B}" type="datetimeFigureOut">
              <a:rPr lang="en-GB" smtClean="0"/>
              <a:pPr/>
              <a:t>10/05/2023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A466EC8-B208-0F88-26C1-82C57D46BE1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9D9A44C-EE15-E2A3-CE74-E7C0D73A1D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/>
              <a:t>| </a:t>
            </a:r>
            <a:fld id="{8F18802B-E4C7-4B2D-B37A-6B7CC3C134EA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99072284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8B684DB-2792-BF1B-DB2C-EBF1F496ED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03D7CD-B121-42A5-8C50-3A1F5DD6895B}" type="datetimeFigureOut">
              <a:rPr lang="en-GB" smtClean="0"/>
              <a:pPr/>
              <a:t>10/05/2023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A53132D-6B25-E4D7-D93A-A419C8BAD9A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8A9B4E4-7F51-E478-C74C-CF8E43CD4D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/>
              <a:t>| </a:t>
            </a:r>
            <a:fld id="{8F18802B-E4C7-4B2D-B37A-6B7CC3C134EA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87550522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0761945-37F6-A4F2-5C52-7D2D3B189BF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F51679D-62B4-BD88-6D5F-992A29C136C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AF48B6C-EDE8-6833-B01B-EF44468E29C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882CCE4-B430-428D-AC1A-38645CEB00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03D7CD-B121-42A5-8C50-3A1F5DD6895B}" type="datetimeFigureOut">
              <a:rPr lang="en-GB" smtClean="0"/>
              <a:pPr/>
              <a:t>10/05/2023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84FBC9E-A165-0299-08E0-3B713A07009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013850B-FB1A-61CC-0260-7F0C086574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/>
              <a:t>| </a:t>
            </a:r>
            <a:fld id="{8F18802B-E4C7-4B2D-B37A-6B7CC3C134EA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57453828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84D912-1AA8-F7BE-4121-992CF5A5264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B1A8A82-DB71-B6AE-5DD4-99BBF5D90E1F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NL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325A383-12A6-8BA0-C879-93C26C690B0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C36EFDA-01B4-71AD-B088-ADD4D66C13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03D7CD-B121-42A5-8C50-3A1F5DD6895B}" type="datetimeFigureOut">
              <a:rPr lang="en-GB" smtClean="0"/>
              <a:pPr/>
              <a:t>10/05/2023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ACE8BD0-6D0C-4F86-F720-914525DE5A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138F70D-1D7A-1511-FD09-1002A0DFFF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/>
              <a:t>| </a:t>
            </a:r>
            <a:fld id="{8F18802B-E4C7-4B2D-B37A-6B7CC3C134EA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576227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[Index]">
    <p:bg>
      <p:bgPr>
        <a:solidFill>
          <a:srgbClr val="E9ADE5">
            <a:alpha val="9804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B71D411-9065-0429-9018-CC227CB1AD9B}"/>
              </a:ext>
            </a:extLst>
          </p:cNvPr>
          <p:cNvSpPr>
            <a:spLocks noGrp="1" noSelect="1"/>
          </p:cNvSpPr>
          <p:nvPr>
            <p:ph type="title" hasCustomPrompt="1"/>
          </p:nvPr>
        </p:nvSpPr>
        <p:spPr>
          <a:xfrm>
            <a:off x="1316383" y="729165"/>
            <a:ext cx="4576417" cy="369332"/>
          </a:xfrm>
        </p:spPr>
        <p:txBody>
          <a:bodyPr/>
          <a:lstStyle>
            <a:lvl1pPr>
              <a:defRPr sz="2400"/>
            </a:lvl1pPr>
          </a:lstStyle>
          <a:p>
            <a:r>
              <a:rPr lang="en-GB" dirty="0"/>
              <a:t>[Title]</a:t>
            </a:r>
          </a:p>
        </p:txBody>
      </p:sp>
      <p:sp>
        <p:nvSpPr>
          <p:cNvPr id="12" name="Placeholder 2 [PHJU] (JU-Free)">
            <a:extLst>
              <a:ext uri="{FF2B5EF4-FFF2-40B4-BE49-F238E27FC236}">
                <a16:creationId xmlns:a16="http://schemas.microsoft.com/office/drawing/2014/main" id="{93C1554B-9791-51CB-EE1E-85B91D9EB83F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6095374" y="750337"/>
            <a:ext cx="473283" cy="369332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2400"/>
            </a:lvl1pPr>
            <a:lvl2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#]</a:t>
            </a:r>
          </a:p>
          <a:p>
            <a:pPr lvl="0"/>
            <a:r>
              <a:rPr lang="en-GB"/>
              <a:t>JU-LEVEL1=Standaard</a:t>
            </a:r>
            <a:endParaRPr lang="en-GB" dirty="0"/>
          </a:p>
        </p:txBody>
      </p:sp>
      <p:sp>
        <p:nvSpPr>
          <p:cNvPr id="14" name="Frame text 3 [PHJU] (JU-Free)">
            <a:extLst>
              <a:ext uri="{FF2B5EF4-FFF2-40B4-BE49-F238E27FC236}">
                <a16:creationId xmlns:a16="http://schemas.microsoft.com/office/drawing/2014/main" id="{8DF301C3-66AF-FC4F-1ADA-E49790471193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6095373" y="1839167"/>
            <a:ext cx="473283" cy="369332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2400"/>
            </a:lvl1pPr>
            <a:lvl2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#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5" name="Frame text 4 [PHJU] (JU-Free)">
            <a:extLst>
              <a:ext uri="{FF2B5EF4-FFF2-40B4-BE49-F238E27FC236}">
                <a16:creationId xmlns:a16="http://schemas.microsoft.com/office/drawing/2014/main" id="{76415BF9-B0E1-F9F9-DBDA-B3808CB20FF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6096001" y="2927997"/>
            <a:ext cx="472656" cy="369332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2400"/>
            </a:lvl1pPr>
            <a:lvl2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#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6" name="Frame text 5 [PHJU] (JU-Free)">
            <a:extLst>
              <a:ext uri="{FF2B5EF4-FFF2-40B4-BE49-F238E27FC236}">
                <a16:creationId xmlns:a16="http://schemas.microsoft.com/office/drawing/2014/main" id="{02B32FC5-36AC-9801-6361-228BC240082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096001" y="4016827"/>
            <a:ext cx="472656" cy="369332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2400"/>
            </a:lvl1pPr>
            <a:lvl2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#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7" name="Frame text 6 [PHJU] (JU-Free)">
            <a:extLst>
              <a:ext uri="{FF2B5EF4-FFF2-40B4-BE49-F238E27FC236}">
                <a16:creationId xmlns:a16="http://schemas.microsoft.com/office/drawing/2014/main" id="{1959445A-1F48-E58A-6F00-8FF0CF9FCEA5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096000" y="5105657"/>
            <a:ext cx="472656" cy="369332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2400"/>
            </a:lvl1pPr>
            <a:lvl2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2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#]</a:t>
            </a:r>
          </a:p>
          <a:p>
            <a:pPr lvl="0"/>
            <a:r>
              <a:rPr lang="en-GB"/>
              <a:t>JU-LEVEL1=Standard</a:t>
            </a:r>
            <a:endParaRPr lang="en-GB" dirty="0"/>
          </a:p>
        </p:txBody>
      </p:sp>
      <p:sp>
        <p:nvSpPr>
          <p:cNvPr id="19" name="Placeholder 7 [PHJU] (JU-Free)">
            <a:extLst>
              <a:ext uri="{FF2B5EF4-FFF2-40B4-BE49-F238E27FC236}">
                <a16:creationId xmlns:a16="http://schemas.microsoft.com/office/drawing/2014/main" id="{D760C8FD-6BAE-432A-C083-CFA5B4769547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608408" y="785405"/>
            <a:ext cx="4187691" cy="728662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/>
            </a:lvl1pPr>
            <a:lvl2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 dirty="0"/>
              <a:t>[Chapter name – Apply ‘Maison Neue Bold’ font for accent bold]</a:t>
            </a:r>
          </a:p>
          <a:p>
            <a:pPr lvl="0"/>
            <a:r>
              <a:rPr lang="en-GB" dirty="0"/>
              <a:t>JU-LEVEL1=Standard</a:t>
            </a:r>
          </a:p>
        </p:txBody>
      </p:sp>
      <p:sp>
        <p:nvSpPr>
          <p:cNvPr id="20" name="Frame text 8 [PHJU] (JU-Free)">
            <a:extLst>
              <a:ext uri="{FF2B5EF4-FFF2-40B4-BE49-F238E27FC236}">
                <a16:creationId xmlns:a16="http://schemas.microsoft.com/office/drawing/2014/main" id="{2DF873C0-4BD3-C5ED-6068-DA2DDEE817C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6608408" y="1875600"/>
            <a:ext cx="4187691" cy="728662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/>
            </a:lvl1pPr>
            <a:lvl2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 dirty="0"/>
              <a:t>[Chapter name – Apply ‘Maison Neue Bold’ font for accent bold]</a:t>
            </a:r>
          </a:p>
          <a:p>
            <a:pPr lvl="0"/>
            <a:r>
              <a:rPr lang="en-GB" dirty="0"/>
              <a:t>JU-LEVEL1=Standard</a:t>
            </a:r>
          </a:p>
        </p:txBody>
      </p:sp>
      <p:sp>
        <p:nvSpPr>
          <p:cNvPr id="21" name="Frame text 9 [PHJU] (JU-Free)">
            <a:extLst>
              <a:ext uri="{FF2B5EF4-FFF2-40B4-BE49-F238E27FC236}">
                <a16:creationId xmlns:a16="http://schemas.microsoft.com/office/drawing/2014/main" id="{375F2BD5-9F88-E6EC-121F-A75D264A0DC1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608408" y="2965795"/>
            <a:ext cx="4187691" cy="728662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/>
            </a:lvl1pPr>
            <a:lvl2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 dirty="0"/>
              <a:t>[Chapter name – Apply ‘Maison Neue Bold’ font for accent bold]</a:t>
            </a:r>
          </a:p>
          <a:p>
            <a:pPr lvl="0"/>
            <a:r>
              <a:rPr lang="en-GB" dirty="0"/>
              <a:t>JU-LEVEL1=Standard</a:t>
            </a:r>
          </a:p>
        </p:txBody>
      </p:sp>
      <p:sp>
        <p:nvSpPr>
          <p:cNvPr id="22" name="Frame text 10 [PHJU] (JU-Free)">
            <a:extLst>
              <a:ext uri="{FF2B5EF4-FFF2-40B4-BE49-F238E27FC236}">
                <a16:creationId xmlns:a16="http://schemas.microsoft.com/office/drawing/2014/main" id="{EB98EB38-2453-C77B-354C-E7EEFAF1B85F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608408" y="4054392"/>
            <a:ext cx="4187691" cy="728662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/>
            </a:lvl1pPr>
            <a:lvl2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 dirty="0"/>
              <a:t>[Chapter name – Apply ‘Maison Neue Bold’ font for accent bold]</a:t>
            </a:r>
          </a:p>
          <a:p>
            <a:pPr lvl="0"/>
            <a:r>
              <a:rPr lang="en-GB" dirty="0"/>
              <a:t>JU-LEVEL1=Standard</a:t>
            </a:r>
          </a:p>
        </p:txBody>
      </p:sp>
      <p:sp>
        <p:nvSpPr>
          <p:cNvPr id="23" name="Frame text 11 [PHJU] (JU-Free)">
            <a:extLst>
              <a:ext uri="{FF2B5EF4-FFF2-40B4-BE49-F238E27FC236}">
                <a16:creationId xmlns:a16="http://schemas.microsoft.com/office/drawing/2014/main" id="{42BD85AB-5B9B-BD27-CF6D-7501DCA7D518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608408" y="5142989"/>
            <a:ext cx="4187691" cy="728662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/>
            </a:lvl1pPr>
            <a:lvl2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 dirty="0"/>
              <a:t>[Chapter name – Apply ‘Maison Neue Bold’ font for accent bold]</a:t>
            </a:r>
          </a:p>
          <a:p>
            <a:pPr lvl="0"/>
            <a:r>
              <a:rPr lang="en-GB" dirty="0"/>
              <a:t>JU-LEVEL1=Standard</a:t>
            </a:r>
          </a:p>
        </p:txBody>
      </p:sp>
      <p:sp>
        <p:nvSpPr>
          <p:cNvPr id="28" name="TextBox 12 [PHJU]">
            <a:extLst>
              <a:ext uri="{FF2B5EF4-FFF2-40B4-BE49-F238E27FC236}">
                <a16:creationId xmlns:a16="http://schemas.microsoft.com/office/drawing/2014/main" id="{5CBE57CE-9B11-99EA-053E-3A71BFE74B3B}"/>
              </a:ext>
            </a:extLst>
          </p:cNvPr>
          <p:cNvSpPr>
            <a:spLocks noGrp="1" noSelect="1"/>
          </p:cNvSpPr>
          <p:nvPr>
            <p:ph type="body" sz="quarter" idx="20" hasCustomPrompt="1"/>
          </p:nvPr>
        </p:nvSpPr>
        <p:spPr>
          <a:xfrm>
            <a:off x="1316384" y="1188279"/>
            <a:ext cx="4576416" cy="615552"/>
          </a:xfrm>
          <a:custGeom>
            <a:avLst/>
            <a:gdLst>
              <a:gd name="connsiteX0" fmla="*/ 0 w 4576416"/>
              <a:gd name="connsiteY0" fmla="*/ 0 h 615552"/>
              <a:gd name="connsiteX1" fmla="*/ 4576416 w 4576416"/>
              <a:gd name="connsiteY1" fmla="*/ 0 h 615552"/>
              <a:gd name="connsiteX2" fmla="*/ 4576416 w 4576416"/>
              <a:gd name="connsiteY2" fmla="*/ 615552 h 615552"/>
              <a:gd name="connsiteX3" fmla="*/ 0 w 4576416"/>
              <a:gd name="connsiteY3" fmla="*/ 615552 h 61555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576416" h="615552">
                <a:moveTo>
                  <a:pt x="0" y="0"/>
                </a:moveTo>
                <a:lnTo>
                  <a:pt x="4576416" y="0"/>
                </a:lnTo>
                <a:lnTo>
                  <a:pt x="4576416" y="615552"/>
                </a:lnTo>
                <a:lnTo>
                  <a:pt x="0" y="615552"/>
                </a:lnTo>
                <a:close/>
              </a:path>
            </a:pathLst>
          </a:custGeom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4000"/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 dirty="0"/>
              <a:t>[Index]</a:t>
            </a:r>
          </a:p>
        </p:txBody>
      </p:sp>
    </p:spTree>
    <p:extLst>
      <p:ext uri="{BB962C8B-B14F-4D97-AF65-F5344CB8AC3E}">
        <p14:creationId xmlns:p14="http://schemas.microsoft.com/office/powerpoint/2010/main" val="215410687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C601005-9888-4B9E-DAF6-C0F4F2A01CC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25C6340-F7F1-70FC-DE53-66F7233049C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F1BB9D-0F6B-B319-CAE5-A0DDB7ECE1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03D7CD-B121-42A5-8C50-3A1F5DD6895B}" type="datetimeFigureOut">
              <a:rPr lang="en-GB" smtClean="0"/>
              <a:pPr/>
              <a:t>10/05/2023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566F3A7-1F45-DD5A-22F2-7B6B87AB577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2298495-30AC-2FA0-F012-10882BA0A8D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/>
              <a:t>| </a:t>
            </a:r>
            <a:fld id="{8F18802B-E4C7-4B2D-B37A-6B7CC3C134EA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78622769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9DB2909-642C-1311-8ADA-9E82D350652D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B598DC8-C0C8-38D8-931C-B647E3FE326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3ACDD87-6442-C49B-653D-FE48F68FC3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03D7CD-B121-42A5-8C50-3A1F5DD6895B}" type="datetimeFigureOut">
              <a:rPr lang="en-GB" smtClean="0"/>
              <a:pPr/>
              <a:t>10/05/2023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95DD04-AB22-F5E4-91CB-726AB385F58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3D5FCBA-3A82-44FA-46FE-1C55CD0463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/>
              <a:t>| </a:t>
            </a:r>
            <a:fld id="{8F18802B-E4C7-4B2D-B37A-6B7CC3C134EA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16494893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[Title and subtitle]">
    <p:bg>
      <p:bgPr>
        <a:solidFill>
          <a:srgbClr val="0800FE">
            <a:alpha val="10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rame 1">
            <a:extLst>
              <a:ext uri="{FF2B5EF4-FFF2-40B4-BE49-F238E27FC236}">
                <a16:creationId xmlns:a16="http://schemas.microsoft.com/office/drawing/2014/main" id="{2AD33CD8-0C5F-4800-FDFF-703A5DA03131}"/>
              </a:ext>
            </a:extLst>
          </p:cNvPr>
          <p:cNvSpPr>
            <a:spLocks noSelect="1"/>
          </p:cNvSpPr>
          <p:nvPr userDrawn="1"/>
        </p:nvSpPr>
        <p:spPr bwMode="gray">
          <a:xfrm>
            <a:off x="1301751" y="5654675"/>
            <a:ext cx="1166813" cy="565150"/>
          </a:xfrm>
          <a:custGeom>
            <a:avLst/>
            <a:gdLst>
              <a:gd name="T0" fmla="*/ 740 w 3676"/>
              <a:gd name="T1" fmla="*/ 0 h 1781"/>
              <a:gd name="T2" fmla="*/ 858 w 3676"/>
              <a:gd name="T3" fmla="*/ 155 h 1781"/>
              <a:gd name="T4" fmla="*/ 835 w 3676"/>
              <a:gd name="T5" fmla="*/ 188 h 1781"/>
              <a:gd name="T6" fmla="*/ 934 w 3676"/>
              <a:gd name="T7" fmla="*/ 181 h 1781"/>
              <a:gd name="T8" fmla="*/ 1610 w 3676"/>
              <a:gd name="T9" fmla="*/ 827 h 1781"/>
              <a:gd name="T10" fmla="*/ 1803 w 3676"/>
              <a:gd name="T11" fmla="*/ 328 h 1781"/>
              <a:gd name="T12" fmla="*/ 1803 w 3676"/>
              <a:gd name="T13" fmla="*/ 181 h 1781"/>
              <a:gd name="T14" fmla="*/ 1779 w 3676"/>
              <a:gd name="T15" fmla="*/ 181 h 1781"/>
              <a:gd name="T16" fmla="*/ 1672 w 3676"/>
              <a:gd name="T17" fmla="*/ 194 h 1781"/>
              <a:gd name="T18" fmla="*/ 1727 w 3676"/>
              <a:gd name="T19" fmla="*/ 155 h 1781"/>
              <a:gd name="T20" fmla="*/ 1610 w 3676"/>
              <a:gd name="T21" fmla="*/ 0 h 1781"/>
              <a:gd name="T22" fmla="*/ 1514 w 3676"/>
              <a:gd name="T23" fmla="*/ 181 h 1781"/>
              <a:gd name="T24" fmla="*/ 1609 w 3676"/>
              <a:gd name="T25" fmla="*/ 827 h 1781"/>
              <a:gd name="T26" fmla="*/ 324 w 3676"/>
              <a:gd name="T27" fmla="*/ 1516 h 1781"/>
              <a:gd name="T28" fmla="*/ 232 w 3676"/>
              <a:gd name="T29" fmla="*/ 1759 h 1781"/>
              <a:gd name="T30" fmla="*/ 449 w 3676"/>
              <a:gd name="T31" fmla="*/ 1113 h 1781"/>
              <a:gd name="T32" fmla="*/ 449 w 3676"/>
              <a:gd name="T33" fmla="*/ 181 h 1781"/>
              <a:gd name="T34" fmla="*/ 200 w 3676"/>
              <a:gd name="T35" fmla="*/ 181 h 1781"/>
              <a:gd name="T36" fmla="*/ 417 w 3676"/>
              <a:gd name="T37" fmla="*/ 827 h 1781"/>
              <a:gd name="T38" fmla="*/ 3228 w 3676"/>
              <a:gd name="T39" fmla="*/ 1295 h 1781"/>
              <a:gd name="T40" fmla="*/ 2919 w 3676"/>
              <a:gd name="T41" fmla="*/ 1304 h 1781"/>
              <a:gd name="T42" fmla="*/ 3244 w 3676"/>
              <a:gd name="T43" fmla="*/ 1576 h 1781"/>
              <a:gd name="T44" fmla="*/ 2911 w 3676"/>
              <a:gd name="T45" fmla="*/ 1567 h 1781"/>
              <a:gd name="T46" fmla="*/ 3112 w 3676"/>
              <a:gd name="T47" fmla="*/ 1289 h 1781"/>
              <a:gd name="T48" fmla="*/ 2385 w 3676"/>
              <a:gd name="T49" fmla="*/ 181 h 1781"/>
              <a:gd name="T50" fmla="*/ 2171 w 3676"/>
              <a:gd name="T51" fmla="*/ 539 h 1781"/>
              <a:gd name="T52" fmla="*/ 1977 w 3676"/>
              <a:gd name="T53" fmla="*/ 568 h 1781"/>
              <a:gd name="T54" fmla="*/ 2393 w 3676"/>
              <a:gd name="T55" fmla="*/ 759 h 1781"/>
              <a:gd name="T56" fmla="*/ 2578 w 3676"/>
              <a:gd name="T57" fmla="*/ 827 h 1781"/>
              <a:gd name="T58" fmla="*/ 3167 w 3676"/>
              <a:gd name="T59" fmla="*/ 250 h 1781"/>
              <a:gd name="T60" fmla="*/ 3363 w 3676"/>
              <a:gd name="T61" fmla="*/ 181 h 1781"/>
              <a:gd name="T62" fmla="*/ 3169 w 3676"/>
              <a:gd name="T63" fmla="*/ 757 h 1781"/>
              <a:gd name="T64" fmla="*/ 2654 w 3676"/>
              <a:gd name="T65" fmla="*/ 504 h 1781"/>
              <a:gd name="T66" fmla="*/ 3169 w 3676"/>
              <a:gd name="T67" fmla="*/ 504 h 1781"/>
              <a:gd name="T68" fmla="*/ 2198 w 3676"/>
              <a:gd name="T69" fmla="*/ 1759 h 1781"/>
              <a:gd name="T70" fmla="*/ 2198 w 3676"/>
              <a:gd name="T71" fmla="*/ 930 h 1781"/>
              <a:gd name="T72" fmla="*/ 1765 w 3676"/>
              <a:gd name="T73" fmla="*/ 1600 h 1781"/>
              <a:gd name="T74" fmla="*/ 1468 w 3676"/>
              <a:gd name="T75" fmla="*/ 1113 h 1781"/>
              <a:gd name="T76" fmla="*/ 1716 w 3676"/>
              <a:gd name="T77" fmla="*/ 1780 h 1781"/>
              <a:gd name="T78" fmla="*/ 1886 w 3676"/>
              <a:gd name="T79" fmla="*/ 1759 h 1781"/>
              <a:gd name="T80" fmla="*/ 1876 w 3676"/>
              <a:gd name="T81" fmla="*/ 1113 h 1781"/>
              <a:gd name="T82" fmla="*/ 1264 w 3676"/>
              <a:gd name="T83" fmla="*/ 827 h 1781"/>
              <a:gd name="T84" fmla="*/ 1421 w 3676"/>
              <a:gd name="T85" fmla="*/ 180 h 1781"/>
              <a:gd name="T86" fmla="*/ 3482 w 3676"/>
              <a:gd name="T87" fmla="*/ 0 h 1781"/>
              <a:gd name="T88" fmla="*/ 3676 w 3676"/>
              <a:gd name="T89" fmla="*/ 0 h 1781"/>
              <a:gd name="T90" fmla="*/ 1354 w 3676"/>
              <a:gd name="T91" fmla="*/ 1113 h 1781"/>
              <a:gd name="T92" fmla="*/ 1161 w 3676"/>
              <a:gd name="T93" fmla="*/ 1689 h 1781"/>
              <a:gd name="T94" fmla="*/ 645 w 3676"/>
              <a:gd name="T95" fmla="*/ 1436 h 1781"/>
              <a:gd name="T96" fmla="*/ 1161 w 3676"/>
              <a:gd name="T97" fmla="*/ 1182 h 1781"/>
              <a:gd name="T98" fmla="*/ 998 w 3676"/>
              <a:gd name="T99" fmla="*/ 1271 h 1781"/>
              <a:gd name="T100" fmla="*/ 1161 w 3676"/>
              <a:gd name="T101" fmla="*/ 1436 h 1781"/>
              <a:gd name="T102" fmla="*/ 2750 w 3676"/>
              <a:gd name="T103" fmla="*/ 1112 h 1781"/>
              <a:gd name="T104" fmla="*/ 2643 w 3676"/>
              <a:gd name="T105" fmla="*/ 1124 h 1781"/>
              <a:gd name="T106" fmla="*/ 2698 w 3676"/>
              <a:gd name="T107" fmla="*/ 1085 h 1781"/>
              <a:gd name="T108" fmla="*/ 2581 w 3676"/>
              <a:gd name="T109" fmla="*/ 930 h 1781"/>
              <a:gd name="T110" fmla="*/ 2485 w 3676"/>
              <a:gd name="T111" fmla="*/ 1112 h 1781"/>
              <a:gd name="T112" fmla="*/ 2580 w 3676"/>
              <a:gd name="T113" fmla="*/ 1758 h 1781"/>
              <a:gd name="T114" fmla="*/ 2774 w 3676"/>
              <a:gd name="T115" fmla="*/ 1758 h 1781"/>
              <a:gd name="T116" fmla="*/ 2867 w 3676"/>
              <a:gd name="T117" fmla="*/ 1112 h 178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</a:cxnLst>
            <a:rect l="0" t="0" r="r" b="b"/>
            <a:pathLst>
              <a:path w="3676" h="1781">
                <a:moveTo>
                  <a:pt x="934" y="827"/>
                </a:moveTo>
                <a:cubicBezTo>
                  <a:pt x="740" y="827"/>
                  <a:pt x="740" y="827"/>
                  <a:pt x="740" y="827"/>
                </a:cubicBezTo>
                <a:cubicBezTo>
                  <a:pt x="740" y="0"/>
                  <a:pt x="740" y="0"/>
                  <a:pt x="740" y="0"/>
                </a:cubicBezTo>
                <a:cubicBezTo>
                  <a:pt x="934" y="0"/>
                  <a:pt x="934" y="0"/>
                  <a:pt x="934" y="0"/>
                </a:cubicBezTo>
                <a:cubicBezTo>
                  <a:pt x="934" y="30"/>
                  <a:pt x="934" y="30"/>
                  <a:pt x="934" y="30"/>
                </a:cubicBezTo>
                <a:cubicBezTo>
                  <a:pt x="930" y="83"/>
                  <a:pt x="905" y="129"/>
                  <a:pt x="858" y="155"/>
                </a:cubicBezTo>
                <a:cubicBezTo>
                  <a:pt x="843" y="164"/>
                  <a:pt x="819" y="166"/>
                  <a:pt x="803" y="168"/>
                </a:cubicBezTo>
                <a:cubicBezTo>
                  <a:pt x="803" y="194"/>
                  <a:pt x="803" y="194"/>
                  <a:pt x="803" y="194"/>
                </a:cubicBezTo>
                <a:cubicBezTo>
                  <a:pt x="811" y="193"/>
                  <a:pt x="823" y="191"/>
                  <a:pt x="835" y="188"/>
                </a:cubicBezTo>
                <a:cubicBezTo>
                  <a:pt x="860" y="184"/>
                  <a:pt x="885" y="181"/>
                  <a:pt x="910" y="181"/>
                </a:cubicBezTo>
                <a:cubicBezTo>
                  <a:pt x="934" y="181"/>
                  <a:pt x="934" y="181"/>
                  <a:pt x="934" y="181"/>
                </a:cubicBezTo>
                <a:cubicBezTo>
                  <a:pt x="934" y="181"/>
                  <a:pt x="934" y="181"/>
                  <a:pt x="934" y="181"/>
                </a:cubicBezTo>
                <a:lnTo>
                  <a:pt x="934" y="827"/>
                </a:lnTo>
                <a:close/>
                <a:moveTo>
                  <a:pt x="1609" y="827"/>
                </a:moveTo>
                <a:cubicBezTo>
                  <a:pt x="1610" y="827"/>
                  <a:pt x="1610" y="827"/>
                  <a:pt x="1610" y="827"/>
                </a:cubicBezTo>
                <a:cubicBezTo>
                  <a:pt x="1802" y="827"/>
                  <a:pt x="1802" y="827"/>
                  <a:pt x="1802" y="827"/>
                </a:cubicBezTo>
                <a:cubicBezTo>
                  <a:pt x="1803" y="827"/>
                  <a:pt x="1803" y="827"/>
                  <a:pt x="1803" y="827"/>
                </a:cubicBezTo>
                <a:cubicBezTo>
                  <a:pt x="1803" y="328"/>
                  <a:pt x="1803" y="328"/>
                  <a:pt x="1803" y="328"/>
                </a:cubicBezTo>
                <a:cubicBezTo>
                  <a:pt x="1896" y="328"/>
                  <a:pt x="1896" y="328"/>
                  <a:pt x="1896" y="328"/>
                </a:cubicBezTo>
                <a:cubicBezTo>
                  <a:pt x="1896" y="181"/>
                  <a:pt x="1896" y="181"/>
                  <a:pt x="1896" y="181"/>
                </a:cubicBezTo>
                <a:cubicBezTo>
                  <a:pt x="1803" y="181"/>
                  <a:pt x="1803" y="181"/>
                  <a:pt x="1803" y="181"/>
                </a:cubicBezTo>
                <a:cubicBezTo>
                  <a:pt x="1803" y="181"/>
                  <a:pt x="1803" y="181"/>
                  <a:pt x="1803" y="181"/>
                </a:cubicBezTo>
                <a:cubicBezTo>
                  <a:pt x="1802" y="181"/>
                  <a:pt x="1802" y="181"/>
                  <a:pt x="1802" y="181"/>
                </a:cubicBezTo>
                <a:cubicBezTo>
                  <a:pt x="1779" y="181"/>
                  <a:pt x="1779" y="181"/>
                  <a:pt x="1779" y="181"/>
                </a:cubicBezTo>
                <a:cubicBezTo>
                  <a:pt x="1779" y="181"/>
                  <a:pt x="1779" y="181"/>
                  <a:pt x="1779" y="181"/>
                </a:cubicBezTo>
                <a:cubicBezTo>
                  <a:pt x="1754" y="181"/>
                  <a:pt x="1728" y="184"/>
                  <a:pt x="1704" y="188"/>
                </a:cubicBezTo>
                <a:cubicBezTo>
                  <a:pt x="1691" y="191"/>
                  <a:pt x="1680" y="193"/>
                  <a:pt x="1672" y="194"/>
                </a:cubicBezTo>
                <a:cubicBezTo>
                  <a:pt x="1672" y="194"/>
                  <a:pt x="1672" y="194"/>
                  <a:pt x="1671" y="194"/>
                </a:cubicBezTo>
                <a:cubicBezTo>
                  <a:pt x="1671" y="168"/>
                  <a:pt x="1671" y="168"/>
                  <a:pt x="1671" y="168"/>
                </a:cubicBezTo>
                <a:cubicBezTo>
                  <a:pt x="1688" y="166"/>
                  <a:pt x="1711" y="164"/>
                  <a:pt x="1727" y="155"/>
                </a:cubicBezTo>
                <a:cubicBezTo>
                  <a:pt x="1773" y="129"/>
                  <a:pt x="1799" y="83"/>
                  <a:pt x="1802" y="30"/>
                </a:cubicBezTo>
                <a:cubicBezTo>
                  <a:pt x="1802" y="0"/>
                  <a:pt x="1802" y="0"/>
                  <a:pt x="1802" y="0"/>
                </a:cubicBezTo>
                <a:cubicBezTo>
                  <a:pt x="1610" y="0"/>
                  <a:pt x="1610" y="0"/>
                  <a:pt x="1610" y="0"/>
                </a:cubicBezTo>
                <a:cubicBezTo>
                  <a:pt x="1609" y="0"/>
                  <a:pt x="1609" y="0"/>
                  <a:pt x="1609" y="0"/>
                </a:cubicBezTo>
                <a:cubicBezTo>
                  <a:pt x="1609" y="181"/>
                  <a:pt x="1609" y="181"/>
                  <a:pt x="1609" y="181"/>
                </a:cubicBezTo>
                <a:cubicBezTo>
                  <a:pt x="1514" y="181"/>
                  <a:pt x="1514" y="181"/>
                  <a:pt x="1514" y="181"/>
                </a:cubicBezTo>
                <a:cubicBezTo>
                  <a:pt x="1514" y="328"/>
                  <a:pt x="1514" y="328"/>
                  <a:pt x="1514" y="328"/>
                </a:cubicBezTo>
                <a:cubicBezTo>
                  <a:pt x="1609" y="328"/>
                  <a:pt x="1609" y="328"/>
                  <a:pt x="1609" y="328"/>
                </a:cubicBezTo>
                <a:lnTo>
                  <a:pt x="1609" y="827"/>
                </a:lnTo>
                <a:close/>
                <a:moveTo>
                  <a:pt x="449" y="1113"/>
                </a:moveTo>
                <a:cubicBezTo>
                  <a:pt x="326" y="1516"/>
                  <a:pt x="326" y="1516"/>
                  <a:pt x="326" y="1516"/>
                </a:cubicBezTo>
                <a:cubicBezTo>
                  <a:pt x="324" y="1516"/>
                  <a:pt x="324" y="1516"/>
                  <a:pt x="324" y="1516"/>
                </a:cubicBezTo>
                <a:cubicBezTo>
                  <a:pt x="200" y="1113"/>
                  <a:pt x="200" y="1113"/>
                  <a:pt x="200" y="1113"/>
                </a:cubicBezTo>
                <a:cubicBezTo>
                  <a:pt x="0" y="1113"/>
                  <a:pt x="0" y="1113"/>
                  <a:pt x="0" y="1113"/>
                </a:cubicBezTo>
                <a:cubicBezTo>
                  <a:pt x="232" y="1759"/>
                  <a:pt x="232" y="1759"/>
                  <a:pt x="232" y="1759"/>
                </a:cubicBezTo>
                <a:cubicBezTo>
                  <a:pt x="417" y="1759"/>
                  <a:pt x="417" y="1759"/>
                  <a:pt x="417" y="1759"/>
                </a:cubicBezTo>
                <a:cubicBezTo>
                  <a:pt x="650" y="1113"/>
                  <a:pt x="650" y="1113"/>
                  <a:pt x="650" y="1113"/>
                </a:cubicBezTo>
                <a:lnTo>
                  <a:pt x="449" y="1113"/>
                </a:lnTo>
                <a:close/>
                <a:moveTo>
                  <a:pt x="417" y="827"/>
                </a:moveTo>
                <a:cubicBezTo>
                  <a:pt x="650" y="181"/>
                  <a:pt x="650" y="181"/>
                  <a:pt x="650" y="181"/>
                </a:cubicBezTo>
                <a:cubicBezTo>
                  <a:pt x="449" y="181"/>
                  <a:pt x="449" y="181"/>
                  <a:pt x="449" y="181"/>
                </a:cubicBezTo>
                <a:cubicBezTo>
                  <a:pt x="326" y="584"/>
                  <a:pt x="326" y="584"/>
                  <a:pt x="326" y="584"/>
                </a:cubicBezTo>
                <a:cubicBezTo>
                  <a:pt x="324" y="584"/>
                  <a:pt x="324" y="584"/>
                  <a:pt x="324" y="584"/>
                </a:cubicBezTo>
                <a:cubicBezTo>
                  <a:pt x="200" y="181"/>
                  <a:pt x="200" y="181"/>
                  <a:pt x="200" y="181"/>
                </a:cubicBezTo>
                <a:cubicBezTo>
                  <a:pt x="0" y="181"/>
                  <a:pt x="0" y="181"/>
                  <a:pt x="0" y="181"/>
                </a:cubicBezTo>
                <a:cubicBezTo>
                  <a:pt x="232" y="827"/>
                  <a:pt x="232" y="827"/>
                  <a:pt x="232" y="827"/>
                </a:cubicBezTo>
                <a:lnTo>
                  <a:pt x="417" y="827"/>
                </a:lnTo>
                <a:close/>
                <a:moveTo>
                  <a:pt x="3112" y="1289"/>
                </a:moveTo>
                <a:cubicBezTo>
                  <a:pt x="3112" y="1260"/>
                  <a:pt x="3142" y="1246"/>
                  <a:pt x="3167" y="1246"/>
                </a:cubicBezTo>
                <a:cubicBezTo>
                  <a:pt x="3201" y="1246"/>
                  <a:pt x="3227" y="1259"/>
                  <a:pt x="3228" y="1295"/>
                </a:cubicBezTo>
                <a:cubicBezTo>
                  <a:pt x="3417" y="1295"/>
                  <a:pt x="3417" y="1295"/>
                  <a:pt x="3417" y="1295"/>
                </a:cubicBezTo>
                <a:cubicBezTo>
                  <a:pt x="3405" y="1157"/>
                  <a:pt x="3299" y="1091"/>
                  <a:pt x="3170" y="1091"/>
                </a:cubicBezTo>
                <a:cubicBezTo>
                  <a:pt x="3045" y="1091"/>
                  <a:pt x="2919" y="1169"/>
                  <a:pt x="2919" y="1304"/>
                </a:cubicBezTo>
                <a:cubicBezTo>
                  <a:pt x="2919" y="1395"/>
                  <a:pt x="2996" y="1445"/>
                  <a:pt x="3073" y="1473"/>
                </a:cubicBezTo>
                <a:cubicBezTo>
                  <a:pt x="3101" y="1483"/>
                  <a:pt x="3129" y="1493"/>
                  <a:pt x="3157" y="1502"/>
                </a:cubicBezTo>
                <a:cubicBezTo>
                  <a:pt x="3192" y="1516"/>
                  <a:pt x="3244" y="1530"/>
                  <a:pt x="3244" y="1576"/>
                </a:cubicBezTo>
                <a:cubicBezTo>
                  <a:pt x="3244" y="1610"/>
                  <a:pt x="3206" y="1626"/>
                  <a:pt x="3176" y="1626"/>
                </a:cubicBezTo>
                <a:cubicBezTo>
                  <a:pt x="3138" y="1626"/>
                  <a:pt x="3109" y="1607"/>
                  <a:pt x="3103" y="1567"/>
                </a:cubicBezTo>
                <a:cubicBezTo>
                  <a:pt x="2911" y="1567"/>
                  <a:pt x="2911" y="1567"/>
                  <a:pt x="2911" y="1567"/>
                </a:cubicBezTo>
                <a:cubicBezTo>
                  <a:pt x="2926" y="1709"/>
                  <a:pt x="3039" y="1781"/>
                  <a:pt x="3174" y="1781"/>
                </a:cubicBezTo>
                <a:cubicBezTo>
                  <a:pt x="3306" y="1781"/>
                  <a:pt x="3437" y="1707"/>
                  <a:pt x="3437" y="1561"/>
                </a:cubicBezTo>
                <a:cubicBezTo>
                  <a:pt x="3437" y="1333"/>
                  <a:pt x="3112" y="1390"/>
                  <a:pt x="3112" y="1289"/>
                </a:cubicBezTo>
                <a:close/>
                <a:moveTo>
                  <a:pt x="2578" y="827"/>
                </a:moveTo>
                <a:cubicBezTo>
                  <a:pt x="2578" y="181"/>
                  <a:pt x="2578" y="181"/>
                  <a:pt x="2578" y="181"/>
                </a:cubicBezTo>
                <a:cubicBezTo>
                  <a:pt x="2385" y="181"/>
                  <a:pt x="2385" y="181"/>
                  <a:pt x="2385" y="181"/>
                </a:cubicBezTo>
                <a:cubicBezTo>
                  <a:pt x="2385" y="536"/>
                  <a:pt x="2385" y="536"/>
                  <a:pt x="2385" y="536"/>
                </a:cubicBezTo>
                <a:cubicBezTo>
                  <a:pt x="2385" y="611"/>
                  <a:pt x="2354" y="668"/>
                  <a:pt x="2274" y="668"/>
                </a:cubicBezTo>
                <a:cubicBezTo>
                  <a:pt x="2187" y="668"/>
                  <a:pt x="2171" y="612"/>
                  <a:pt x="2171" y="539"/>
                </a:cubicBezTo>
                <a:cubicBezTo>
                  <a:pt x="2171" y="181"/>
                  <a:pt x="2171" y="181"/>
                  <a:pt x="2171" y="181"/>
                </a:cubicBezTo>
                <a:cubicBezTo>
                  <a:pt x="1977" y="181"/>
                  <a:pt x="1977" y="181"/>
                  <a:pt x="1977" y="181"/>
                </a:cubicBezTo>
                <a:cubicBezTo>
                  <a:pt x="1977" y="568"/>
                  <a:pt x="1977" y="568"/>
                  <a:pt x="1977" y="568"/>
                </a:cubicBezTo>
                <a:cubicBezTo>
                  <a:pt x="1977" y="648"/>
                  <a:pt x="1983" y="702"/>
                  <a:pt x="2036" y="767"/>
                </a:cubicBezTo>
                <a:cubicBezTo>
                  <a:pt x="2082" y="824"/>
                  <a:pt x="2154" y="848"/>
                  <a:pt x="2225" y="848"/>
                </a:cubicBezTo>
                <a:cubicBezTo>
                  <a:pt x="2297" y="848"/>
                  <a:pt x="2359" y="828"/>
                  <a:pt x="2393" y="759"/>
                </a:cubicBezTo>
                <a:cubicBezTo>
                  <a:pt x="2395" y="759"/>
                  <a:pt x="2395" y="759"/>
                  <a:pt x="2395" y="759"/>
                </a:cubicBezTo>
                <a:cubicBezTo>
                  <a:pt x="2395" y="827"/>
                  <a:pt x="2395" y="827"/>
                  <a:pt x="2395" y="827"/>
                </a:cubicBezTo>
                <a:lnTo>
                  <a:pt x="2578" y="827"/>
                </a:lnTo>
                <a:close/>
                <a:moveTo>
                  <a:pt x="2654" y="504"/>
                </a:moveTo>
                <a:cubicBezTo>
                  <a:pt x="2654" y="315"/>
                  <a:pt x="2784" y="159"/>
                  <a:pt x="2978" y="159"/>
                </a:cubicBezTo>
                <a:cubicBezTo>
                  <a:pt x="3049" y="159"/>
                  <a:pt x="3129" y="186"/>
                  <a:pt x="3167" y="250"/>
                </a:cubicBezTo>
                <a:cubicBezTo>
                  <a:pt x="3169" y="250"/>
                  <a:pt x="3169" y="250"/>
                  <a:pt x="3169" y="250"/>
                </a:cubicBezTo>
                <a:cubicBezTo>
                  <a:pt x="3169" y="181"/>
                  <a:pt x="3169" y="181"/>
                  <a:pt x="3169" y="181"/>
                </a:cubicBezTo>
                <a:cubicBezTo>
                  <a:pt x="3363" y="181"/>
                  <a:pt x="3363" y="181"/>
                  <a:pt x="3363" y="181"/>
                </a:cubicBezTo>
                <a:cubicBezTo>
                  <a:pt x="3363" y="827"/>
                  <a:pt x="3363" y="827"/>
                  <a:pt x="3363" y="827"/>
                </a:cubicBezTo>
                <a:cubicBezTo>
                  <a:pt x="3169" y="827"/>
                  <a:pt x="3169" y="827"/>
                  <a:pt x="3169" y="827"/>
                </a:cubicBezTo>
                <a:cubicBezTo>
                  <a:pt x="3169" y="757"/>
                  <a:pt x="3169" y="757"/>
                  <a:pt x="3169" y="757"/>
                </a:cubicBezTo>
                <a:cubicBezTo>
                  <a:pt x="3167" y="757"/>
                  <a:pt x="3167" y="757"/>
                  <a:pt x="3167" y="757"/>
                </a:cubicBezTo>
                <a:cubicBezTo>
                  <a:pt x="3132" y="824"/>
                  <a:pt x="3048" y="849"/>
                  <a:pt x="2978" y="849"/>
                </a:cubicBezTo>
                <a:cubicBezTo>
                  <a:pt x="2779" y="849"/>
                  <a:pt x="2654" y="696"/>
                  <a:pt x="2654" y="504"/>
                </a:cubicBezTo>
                <a:close/>
                <a:moveTo>
                  <a:pt x="2847" y="506"/>
                </a:moveTo>
                <a:cubicBezTo>
                  <a:pt x="2847" y="596"/>
                  <a:pt x="2917" y="669"/>
                  <a:pt x="3008" y="669"/>
                </a:cubicBezTo>
                <a:cubicBezTo>
                  <a:pt x="3102" y="669"/>
                  <a:pt x="3169" y="597"/>
                  <a:pt x="3169" y="504"/>
                </a:cubicBezTo>
                <a:cubicBezTo>
                  <a:pt x="3169" y="409"/>
                  <a:pt x="3101" y="340"/>
                  <a:pt x="3006" y="340"/>
                </a:cubicBezTo>
                <a:cubicBezTo>
                  <a:pt x="2912" y="340"/>
                  <a:pt x="2847" y="414"/>
                  <a:pt x="2847" y="506"/>
                </a:cubicBezTo>
                <a:close/>
                <a:moveTo>
                  <a:pt x="2198" y="1759"/>
                </a:moveTo>
                <a:cubicBezTo>
                  <a:pt x="2392" y="1759"/>
                  <a:pt x="2392" y="1759"/>
                  <a:pt x="2392" y="1759"/>
                </a:cubicBezTo>
                <a:cubicBezTo>
                  <a:pt x="2392" y="930"/>
                  <a:pt x="2392" y="930"/>
                  <a:pt x="2392" y="930"/>
                </a:cubicBezTo>
                <a:cubicBezTo>
                  <a:pt x="2198" y="930"/>
                  <a:pt x="2198" y="930"/>
                  <a:pt x="2198" y="930"/>
                </a:cubicBezTo>
                <a:lnTo>
                  <a:pt x="2198" y="1759"/>
                </a:lnTo>
                <a:close/>
                <a:moveTo>
                  <a:pt x="1876" y="1468"/>
                </a:moveTo>
                <a:cubicBezTo>
                  <a:pt x="1876" y="1543"/>
                  <a:pt x="1845" y="1600"/>
                  <a:pt x="1765" y="1600"/>
                </a:cubicBezTo>
                <a:cubicBezTo>
                  <a:pt x="1678" y="1600"/>
                  <a:pt x="1661" y="1544"/>
                  <a:pt x="1661" y="1470"/>
                </a:cubicBezTo>
                <a:cubicBezTo>
                  <a:pt x="1661" y="1113"/>
                  <a:pt x="1661" y="1113"/>
                  <a:pt x="1661" y="1113"/>
                </a:cubicBezTo>
                <a:cubicBezTo>
                  <a:pt x="1468" y="1113"/>
                  <a:pt x="1468" y="1113"/>
                  <a:pt x="1468" y="1113"/>
                </a:cubicBezTo>
                <a:cubicBezTo>
                  <a:pt x="1468" y="1500"/>
                  <a:pt x="1468" y="1500"/>
                  <a:pt x="1468" y="1500"/>
                </a:cubicBezTo>
                <a:cubicBezTo>
                  <a:pt x="1468" y="1580"/>
                  <a:pt x="1474" y="1633"/>
                  <a:pt x="1526" y="1699"/>
                </a:cubicBezTo>
                <a:cubicBezTo>
                  <a:pt x="1573" y="1756"/>
                  <a:pt x="1645" y="1780"/>
                  <a:pt x="1716" y="1780"/>
                </a:cubicBezTo>
                <a:cubicBezTo>
                  <a:pt x="1788" y="1780"/>
                  <a:pt x="1850" y="1760"/>
                  <a:pt x="1884" y="1690"/>
                </a:cubicBezTo>
                <a:cubicBezTo>
                  <a:pt x="1886" y="1690"/>
                  <a:pt x="1886" y="1690"/>
                  <a:pt x="1886" y="1690"/>
                </a:cubicBezTo>
                <a:cubicBezTo>
                  <a:pt x="1886" y="1759"/>
                  <a:pt x="1886" y="1759"/>
                  <a:pt x="1886" y="1759"/>
                </a:cubicBezTo>
                <a:cubicBezTo>
                  <a:pt x="2069" y="1759"/>
                  <a:pt x="2069" y="1759"/>
                  <a:pt x="2069" y="1759"/>
                </a:cubicBezTo>
                <a:cubicBezTo>
                  <a:pt x="2069" y="1113"/>
                  <a:pt x="2069" y="1113"/>
                  <a:pt x="2069" y="1113"/>
                </a:cubicBezTo>
                <a:cubicBezTo>
                  <a:pt x="1876" y="1113"/>
                  <a:pt x="1876" y="1113"/>
                  <a:pt x="1876" y="1113"/>
                </a:cubicBezTo>
                <a:lnTo>
                  <a:pt x="1876" y="1468"/>
                </a:lnTo>
                <a:close/>
                <a:moveTo>
                  <a:pt x="1071" y="827"/>
                </a:moveTo>
                <a:cubicBezTo>
                  <a:pt x="1264" y="827"/>
                  <a:pt x="1264" y="827"/>
                  <a:pt x="1264" y="827"/>
                </a:cubicBezTo>
                <a:cubicBezTo>
                  <a:pt x="1265" y="328"/>
                  <a:pt x="1265" y="328"/>
                  <a:pt x="1265" y="328"/>
                </a:cubicBezTo>
                <a:cubicBezTo>
                  <a:pt x="1421" y="328"/>
                  <a:pt x="1421" y="328"/>
                  <a:pt x="1421" y="328"/>
                </a:cubicBezTo>
                <a:cubicBezTo>
                  <a:pt x="1421" y="180"/>
                  <a:pt x="1421" y="180"/>
                  <a:pt x="1421" y="180"/>
                </a:cubicBezTo>
                <a:cubicBezTo>
                  <a:pt x="1071" y="180"/>
                  <a:pt x="1071" y="180"/>
                  <a:pt x="1071" y="180"/>
                </a:cubicBezTo>
                <a:lnTo>
                  <a:pt x="1071" y="827"/>
                </a:lnTo>
                <a:close/>
                <a:moveTo>
                  <a:pt x="3482" y="0"/>
                </a:moveTo>
                <a:cubicBezTo>
                  <a:pt x="3482" y="827"/>
                  <a:pt x="3482" y="827"/>
                  <a:pt x="3482" y="827"/>
                </a:cubicBezTo>
                <a:cubicBezTo>
                  <a:pt x="3676" y="827"/>
                  <a:pt x="3676" y="827"/>
                  <a:pt x="3676" y="827"/>
                </a:cubicBezTo>
                <a:cubicBezTo>
                  <a:pt x="3676" y="0"/>
                  <a:pt x="3676" y="0"/>
                  <a:pt x="3676" y="0"/>
                </a:cubicBezTo>
                <a:lnTo>
                  <a:pt x="3482" y="0"/>
                </a:lnTo>
                <a:close/>
                <a:moveTo>
                  <a:pt x="1161" y="1113"/>
                </a:moveTo>
                <a:cubicBezTo>
                  <a:pt x="1354" y="1113"/>
                  <a:pt x="1354" y="1113"/>
                  <a:pt x="1354" y="1113"/>
                </a:cubicBezTo>
                <a:cubicBezTo>
                  <a:pt x="1354" y="1759"/>
                  <a:pt x="1354" y="1759"/>
                  <a:pt x="1354" y="1759"/>
                </a:cubicBezTo>
                <a:cubicBezTo>
                  <a:pt x="1161" y="1759"/>
                  <a:pt x="1161" y="1759"/>
                  <a:pt x="1161" y="1759"/>
                </a:cubicBezTo>
                <a:cubicBezTo>
                  <a:pt x="1161" y="1689"/>
                  <a:pt x="1161" y="1689"/>
                  <a:pt x="1161" y="1689"/>
                </a:cubicBezTo>
                <a:cubicBezTo>
                  <a:pt x="1159" y="1689"/>
                  <a:pt x="1159" y="1689"/>
                  <a:pt x="1159" y="1689"/>
                </a:cubicBezTo>
                <a:cubicBezTo>
                  <a:pt x="1124" y="1756"/>
                  <a:pt x="1040" y="1781"/>
                  <a:pt x="970" y="1781"/>
                </a:cubicBezTo>
                <a:cubicBezTo>
                  <a:pt x="771" y="1781"/>
                  <a:pt x="645" y="1628"/>
                  <a:pt x="645" y="1436"/>
                </a:cubicBezTo>
                <a:cubicBezTo>
                  <a:pt x="645" y="1247"/>
                  <a:pt x="776" y="1091"/>
                  <a:pt x="970" y="1091"/>
                </a:cubicBezTo>
                <a:cubicBezTo>
                  <a:pt x="1041" y="1091"/>
                  <a:pt x="1120" y="1118"/>
                  <a:pt x="1159" y="1182"/>
                </a:cubicBezTo>
                <a:cubicBezTo>
                  <a:pt x="1161" y="1182"/>
                  <a:pt x="1161" y="1182"/>
                  <a:pt x="1161" y="1182"/>
                </a:cubicBezTo>
                <a:lnTo>
                  <a:pt x="1161" y="1113"/>
                </a:lnTo>
                <a:close/>
                <a:moveTo>
                  <a:pt x="1161" y="1436"/>
                </a:moveTo>
                <a:cubicBezTo>
                  <a:pt x="1161" y="1341"/>
                  <a:pt x="1092" y="1271"/>
                  <a:pt x="998" y="1271"/>
                </a:cubicBezTo>
                <a:cubicBezTo>
                  <a:pt x="904" y="1271"/>
                  <a:pt x="839" y="1346"/>
                  <a:pt x="839" y="1438"/>
                </a:cubicBezTo>
                <a:cubicBezTo>
                  <a:pt x="839" y="1527"/>
                  <a:pt x="908" y="1601"/>
                  <a:pt x="999" y="1601"/>
                </a:cubicBezTo>
                <a:cubicBezTo>
                  <a:pt x="1093" y="1601"/>
                  <a:pt x="1161" y="1529"/>
                  <a:pt x="1161" y="1436"/>
                </a:cubicBezTo>
                <a:close/>
                <a:moveTo>
                  <a:pt x="2774" y="1112"/>
                </a:moveTo>
                <a:cubicBezTo>
                  <a:pt x="2774" y="1112"/>
                  <a:pt x="2774" y="1112"/>
                  <a:pt x="2774" y="1112"/>
                </a:cubicBezTo>
                <a:cubicBezTo>
                  <a:pt x="2750" y="1112"/>
                  <a:pt x="2750" y="1112"/>
                  <a:pt x="2750" y="1112"/>
                </a:cubicBezTo>
                <a:cubicBezTo>
                  <a:pt x="2750" y="1112"/>
                  <a:pt x="2750" y="1112"/>
                  <a:pt x="2750" y="1112"/>
                </a:cubicBezTo>
                <a:cubicBezTo>
                  <a:pt x="2725" y="1112"/>
                  <a:pt x="2700" y="1114"/>
                  <a:pt x="2675" y="1119"/>
                </a:cubicBezTo>
                <a:cubicBezTo>
                  <a:pt x="2663" y="1121"/>
                  <a:pt x="2651" y="1123"/>
                  <a:pt x="2643" y="1124"/>
                </a:cubicBezTo>
                <a:cubicBezTo>
                  <a:pt x="2643" y="1124"/>
                  <a:pt x="2643" y="1124"/>
                  <a:pt x="2643" y="1124"/>
                </a:cubicBezTo>
                <a:cubicBezTo>
                  <a:pt x="2643" y="1099"/>
                  <a:pt x="2643" y="1099"/>
                  <a:pt x="2643" y="1099"/>
                </a:cubicBezTo>
                <a:cubicBezTo>
                  <a:pt x="2659" y="1096"/>
                  <a:pt x="2683" y="1094"/>
                  <a:pt x="2698" y="1085"/>
                </a:cubicBezTo>
                <a:cubicBezTo>
                  <a:pt x="2745" y="1060"/>
                  <a:pt x="2770" y="1013"/>
                  <a:pt x="2774" y="961"/>
                </a:cubicBezTo>
                <a:cubicBezTo>
                  <a:pt x="2774" y="930"/>
                  <a:pt x="2774" y="930"/>
                  <a:pt x="2774" y="930"/>
                </a:cubicBezTo>
                <a:cubicBezTo>
                  <a:pt x="2581" y="930"/>
                  <a:pt x="2581" y="930"/>
                  <a:pt x="2581" y="930"/>
                </a:cubicBezTo>
                <a:cubicBezTo>
                  <a:pt x="2580" y="930"/>
                  <a:pt x="2580" y="930"/>
                  <a:pt x="2580" y="930"/>
                </a:cubicBezTo>
                <a:cubicBezTo>
                  <a:pt x="2580" y="1112"/>
                  <a:pt x="2580" y="1112"/>
                  <a:pt x="2580" y="1112"/>
                </a:cubicBezTo>
                <a:cubicBezTo>
                  <a:pt x="2485" y="1112"/>
                  <a:pt x="2485" y="1112"/>
                  <a:pt x="2485" y="1112"/>
                </a:cubicBezTo>
                <a:cubicBezTo>
                  <a:pt x="2485" y="1259"/>
                  <a:pt x="2485" y="1259"/>
                  <a:pt x="2485" y="1259"/>
                </a:cubicBezTo>
                <a:cubicBezTo>
                  <a:pt x="2580" y="1259"/>
                  <a:pt x="2580" y="1259"/>
                  <a:pt x="2580" y="1259"/>
                </a:cubicBezTo>
                <a:cubicBezTo>
                  <a:pt x="2580" y="1758"/>
                  <a:pt x="2580" y="1758"/>
                  <a:pt x="2580" y="1758"/>
                </a:cubicBezTo>
                <a:cubicBezTo>
                  <a:pt x="2581" y="1758"/>
                  <a:pt x="2581" y="1758"/>
                  <a:pt x="2581" y="1758"/>
                </a:cubicBezTo>
                <a:cubicBezTo>
                  <a:pt x="2774" y="1758"/>
                  <a:pt x="2774" y="1758"/>
                  <a:pt x="2774" y="1758"/>
                </a:cubicBezTo>
                <a:cubicBezTo>
                  <a:pt x="2774" y="1758"/>
                  <a:pt x="2774" y="1758"/>
                  <a:pt x="2774" y="1758"/>
                </a:cubicBezTo>
                <a:cubicBezTo>
                  <a:pt x="2774" y="1259"/>
                  <a:pt x="2774" y="1259"/>
                  <a:pt x="2774" y="1259"/>
                </a:cubicBezTo>
                <a:cubicBezTo>
                  <a:pt x="2867" y="1259"/>
                  <a:pt x="2867" y="1259"/>
                  <a:pt x="2867" y="1259"/>
                </a:cubicBezTo>
                <a:cubicBezTo>
                  <a:pt x="2867" y="1112"/>
                  <a:pt x="2867" y="1112"/>
                  <a:pt x="2867" y="1112"/>
                </a:cubicBezTo>
                <a:cubicBezTo>
                  <a:pt x="2774" y="1112"/>
                  <a:pt x="2774" y="1112"/>
                  <a:pt x="2774" y="1112"/>
                </a:cubicBezTo>
                <a:close/>
              </a:path>
            </a:pathLst>
          </a:custGeom>
          <a:solidFill>
            <a:srgbClr val="00000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2" name="Title 2">
            <a:extLst>
              <a:ext uri="{FF2B5EF4-FFF2-40B4-BE49-F238E27FC236}">
                <a16:creationId xmlns:a16="http://schemas.microsoft.com/office/drawing/2014/main" id="{FD8E9D43-A193-B4EB-ACA5-D8292BB15DA4}"/>
              </a:ext>
            </a:extLst>
          </p:cNvPr>
          <p:cNvSpPr>
            <a:spLocks noGrp="1" noSelect="1"/>
          </p:cNvSpPr>
          <p:nvPr>
            <p:ph type="title" hasCustomPrompt="1"/>
          </p:nvPr>
        </p:nvSpPr>
        <p:spPr>
          <a:xfrm>
            <a:off x="1287971" y="475718"/>
            <a:ext cx="8730672" cy="1637988"/>
          </a:xfrm>
        </p:spPr>
        <p:txBody>
          <a:bodyPr anchor="b" anchorCtr="0"/>
          <a:lstStyle>
            <a:lvl1pPr>
              <a:lnSpc>
                <a:spcPct val="83000"/>
              </a:lnSpc>
              <a:defRPr sz="6500" b="0">
                <a:solidFill>
                  <a:srgbClr val="000000"/>
                </a:solidFill>
              </a:defRPr>
            </a:lvl1pPr>
          </a:lstStyle>
          <a:p>
            <a:r>
              <a:rPr lang="en-GB" dirty="0"/>
              <a:t>[Title]</a:t>
            </a:r>
          </a:p>
        </p:txBody>
      </p:sp>
      <p:sp>
        <p:nvSpPr>
          <p:cNvPr id="8" name="Subtitle 3 [PHJU]">
            <a:extLst>
              <a:ext uri="{FF2B5EF4-FFF2-40B4-BE49-F238E27FC236}">
                <a16:creationId xmlns:a16="http://schemas.microsoft.com/office/drawing/2014/main" id="{1D9DB18B-1FDD-D32E-B83C-78C0E26E3AA1}"/>
              </a:ext>
            </a:extLst>
          </p:cNvPr>
          <p:cNvSpPr>
            <a:spLocks noGrp="1" noSelect="1"/>
          </p:cNvSpPr>
          <p:nvPr>
            <p:ph type="subTitle" idx="1" hasCustomPrompt="1"/>
          </p:nvPr>
        </p:nvSpPr>
        <p:spPr>
          <a:xfrm>
            <a:off x="1301222" y="2104872"/>
            <a:ext cx="8717421" cy="1243511"/>
          </a:xfrm>
        </p:spPr>
        <p:txBody>
          <a:bodyPr/>
          <a:lstStyle>
            <a:lvl1pPr marL="0" indent="0" algn="l">
              <a:lnSpc>
                <a:spcPct val="103000"/>
              </a:lnSpc>
              <a:buNone/>
              <a:defRPr sz="4000">
                <a:solidFill>
                  <a:srgbClr val="000000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[</a:t>
            </a:r>
            <a:r>
              <a:rPr lang="en-GB" noProof="0"/>
              <a:t>Subtitle</a:t>
            </a:r>
            <a:r>
              <a:rPr lang="en-GB"/>
              <a:t>]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189852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[Title, subheader and text - Lilac]">
    <p:bg>
      <p:bgPr>
        <a:solidFill>
          <a:srgbClr val="0800FE">
            <a:alpha val="10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id="{D51AA5C6-C715-907E-4487-D4B8D746CA74}"/>
              </a:ext>
            </a:extLst>
          </p:cNvPr>
          <p:cNvSpPr>
            <a:spLocks noGrp="1" noSelect="1"/>
          </p:cNvSpPr>
          <p:nvPr>
            <p:ph type="title" hasCustomPrompt="1"/>
          </p:nvPr>
        </p:nvSpPr>
        <p:spPr>
          <a:xfrm>
            <a:off x="2433941" y="1242322"/>
            <a:ext cx="6674720" cy="1204913"/>
          </a:xfrm>
        </p:spPr>
        <p:txBody>
          <a:bodyPr/>
          <a:lstStyle>
            <a:lvl1pPr>
              <a:lnSpc>
                <a:spcPct val="105000"/>
              </a:lnSpc>
              <a:defRPr sz="4000">
                <a:solidFill>
                  <a:srgbClr val="000000"/>
                </a:solidFill>
                <a:latin typeface="+mn-lt"/>
              </a:defRPr>
            </a:lvl1pPr>
          </a:lstStyle>
          <a:p>
            <a:r>
              <a:rPr lang="en-GB" dirty="0"/>
              <a:t>[Title]</a:t>
            </a:r>
          </a:p>
        </p:txBody>
      </p:sp>
      <p:sp>
        <p:nvSpPr>
          <p:cNvPr id="9" name="Subtitle 2 [PHJU]">
            <a:extLst>
              <a:ext uri="{FF2B5EF4-FFF2-40B4-BE49-F238E27FC236}">
                <a16:creationId xmlns:a16="http://schemas.microsoft.com/office/drawing/2014/main" id="{2796986C-2B1B-E45A-62F9-E4ACDAE41A86}"/>
              </a:ext>
            </a:extLst>
          </p:cNvPr>
          <p:cNvSpPr>
            <a:spLocks noGrp="1" noSelect="1"/>
          </p:cNvSpPr>
          <p:nvPr>
            <p:ph type="subTitle" idx="10" hasCustomPrompt="1"/>
          </p:nvPr>
        </p:nvSpPr>
        <p:spPr>
          <a:xfrm>
            <a:off x="2433941" y="801916"/>
            <a:ext cx="6674720" cy="386536"/>
          </a:xfrm>
        </p:spPr>
        <p:txBody>
          <a:bodyPr/>
          <a:lstStyle>
            <a:lvl1pPr marL="0" indent="0" algn="l">
              <a:lnSpc>
                <a:spcPct val="103000"/>
              </a:lnSpc>
              <a:buNone/>
              <a:defRPr sz="2400" b="0">
                <a:solidFill>
                  <a:srgbClr val="000000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[</a:t>
            </a:r>
            <a:r>
              <a:rPr lang="en-GB" noProof="0"/>
              <a:t>Subheader</a:t>
            </a:r>
            <a:r>
              <a:rPr lang="en-GB"/>
              <a:t>]</a:t>
            </a:r>
            <a:endParaRPr lang="en-GB" dirty="0"/>
          </a:p>
        </p:txBody>
      </p:sp>
      <p:sp>
        <p:nvSpPr>
          <p:cNvPr id="3" name="Frame text 3 [PHJU]">
            <a:extLst>
              <a:ext uri="{FF2B5EF4-FFF2-40B4-BE49-F238E27FC236}">
                <a16:creationId xmlns:a16="http://schemas.microsoft.com/office/drawing/2014/main" id="{BF43BC8F-B817-E19B-5E53-DEE045A85456}"/>
              </a:ext>
            </a:extLst>
          </p:cNvPr>
          <p:cNvSpPr>
            <a:spLocks noGrp="1" noSelect="1"/>
          </p:cNvSpPr>
          <p:nvPr>
            <p:ph type="body" sz="quarter" idx="16" hasCustomPrompt="1"/>
          </p:nvPr>
        </p:nvSpPr>
        <p:spPr>
          <a:xfrm>
            <a:off x="2433941" y="3034745"/>
            <a:ext cx="6674720" cy="280946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[Text – Apply ‘Maison Neue Bold’ font for accent bold]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6135583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[Title, subheader and text - Purple]">
    <p:bg>
      <p:bgPr>
        <a:solidFill>
          <a:srgbClr val="989FF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AF23F5-5ADB-6C69-5F6F-9D2D1C0C819B}"/>
              </a:ext>
            </a:extLst>
          </p:cNvPr>
          <p:cNvSpPr>
            <a:spLocks noGrp="1" noSelect="1"/>
          </p:cNvSpPr>
          <p:nvPr>
            <p:ph type="title" hasCustomPrompt="1"/>
          </p:nvPr>
        </p:nvSpPr>
        <p:spPr>
          <a:xfrm>
            <a:off x="1303089" y="1191176"/>
            <a:ext cx="4510198" cy="1839153"/>
          </a:xfrm>
        </p:spPr>
        <p:txBody>
          <a:bodyPr/>
          <a:lstStyle>
            <a:lvl1pPr>
              <a:lnSpc>
                <a:spcPct val="105000"/>
              </a:lnSpc>
              <a:defRPr sz="4000">
                <a:solidFill>
                  <a:srgbClr val="000000"/>
                </a:solidFill>
                <a:latin typeface="+mn-lt"/>
              </a:defRPr>
            </a:lvl1pPr>
          </a:lstStyle>
          <a:p>
            <a:r>
              <a:rPr lang="en-GB" dirty="0"/>
              <a:t>[Title]</a:t>
            </a:r>
          </a:p>
        </p:txBody>
      </p:sp>
      <p:sp>
        <p:nvSpPr>
          <p:cNvPr id="8" name="Subtitle 2 [PHJU]">
            <a:extLst>
              <a:ext uri="{FF2B5EF4-FFF2-40B4-BE49-F238E27FC236}">
                <a16:creationId xmlns:a16="http://schemas.microsoft.com/office/drawing/2014/main" id="{528ECE8C-6E14-1094-CD91-A09C3E4F663B}"/>
              </a:ext>
            </a:extLst>
          </p:cNvPr>
          <p:cNvSpPr>
            <a:spLocks noGrp="1" noSelect="1"/>
          </p:cNvSpPr>
          <p:nvPr>
            <p:ph type="subTitle" idx="10" hasCustomPrompt="1"/>
          </p:nvPr>
        </p:nvSpPr>
        <p:spPr>
          <a:xfrm>
            <a:off x="1303089" y="757567"/>
            <a:ext cx="4510198" cy="386536"/>
          </a:xfrm>
        </p:spPr>
        <p:txBody>
          <a:bodyPr/>
          <a:lstStyle>
            <a:lvl1pPr marL="0" indent="0" algn="l">
              <a:lnSpc>
                <a:spcPct val="103000"/>
              </a:lnSpc>
              <a:buNone/>
              <a:defRPr sz="2400" b="0">
                <a:solidFill>
                  <a:srgbClr val="000000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[</a:t>
            </a:r>
            <a:r>
              <a:rPr lang="en-GB" noProof="0"/>
              <a:t>Subheader</a:t>
            </a:r>
            <a:r>
              <a:rPr lang="en-GB"/>
              <a:t>]</a:t>
            </a:r>
            <a:endParaRPr lang="en-GB" dirty="0"/>
          </a:p>
        </p:txBody>
      </p:sp>
      <p:sp>
        <p:nvSpPr>
          <p:cNvPr id="7" name="Frame text 3 [PHJU]">
            <a:extLst>
              <a:ext uri="{FF2B5EF4-FFF2-40B4-BE49-F238E27FC236}">
                <a16:creationId xmlns:a16="http://schemas.microsoft.com/office/drawing/2014/main" id="{794B7562-1934-2527-28C2-DD83E80FC415}"/>
              </a:ext>
            </a:extLst>
          </p:cNvPr>
          <p:cNvSpPr>
            <a:spLocks noGrp="1" noSelect="1"/>
          </p:cNvSpPr>
          <p:nvPr>
            <p:ph type="body" sz="quarter" idx="16" hasCustomPrompt="1"/>
          </p:nvPr>
        </p:nvSpPr>
        <p:spPr>
          <a:xfrm>
            <a:off x="6096000" y="722313"/>
            <a:ext cx="4581525" cy="514985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[Text – Apply ‘Maison Neue Bold’ font for accent bold]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430391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[Title, subheader and text - Lilac]">
    <p:bg>
      <p:bgPr>
        <a:solidFill>
          <a:srgbClr val="0800FE">
            <a:alpha val="10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id="{D51AA5C6-C715-907E-4487-D4B8D746CA74}"/>
              </a:ext>
            </a:extLst>
          </p:cNvPr>
          <p:cNvSpPr>
            <a:spLocks noGrp="1" noSelect="1"/>
          </p:cNvSpPr>
          <p:nvPr>
            <p:ph type="title" hasCustomPrompt="1"/>
          </p:nvPr>
        </p:nvSpPr>
        <p:spPr>
          <a:xfrm>
            <a:off x="2433941" y="1242322"/>
            <a:ext cx="6674720" cy="1204913"/>
          </a:xfrm>
        </p:spPr>
        <p:txBody>
          <a:bodyPr/>
          <a:lstStyle>
            <a:lvl1pPr>
              <a:lnSpc>
                <a:spcPct val="105000"/>
              </a:lnSpc>
              <a:defRPr sz="4000">
                <a:solidFill>
                  <a:srgbClr val="000000"/>
                </a:solidFill>
                <a:latin typeface="+mn-lt"/>
              </a:defRPr>
            </a:lvl1pPr>
          </a:lstStyle>
          <a:p>
            <a:r>
              <a:rPr lang="en-GB" dirty="0"/>
              <a:t>[Title]</a:t>
            </a:r>
          </a:p>
        </p:txBody>
      </p:sp>
      <p:sp>
        <p:nvSpPr>
          <p:cNvPr id="9" name="Subtitle 2 [PHJU]">
            <a:extLst>
              <a:ext uri="{FF2B5EF4-FFF2-40B4-BE49-F238E27FC236}">
                <a16:creationId xmlns:a16="http://schemas.microsoft.com/office/drawing/2014/main" id="{2796986C-2B1B-E45A-62F9-E4ACDAE41A86}"/>
              </a:ext>
            </a:extLst>
          </p:cNvPr>
          <p:cNvSpPr>
            <a:spLocks noGrp="1" noSelect="1"/>
          </p:cNvSpPr>
          <p:nvPr>
            <p:ph type="subTitle" idx="10" hasCustomPrompt="1"/>
          </p:nvPr>
        </p:nvSpPr>
        <p:spPr>
          <a:xfrm>
            <a:off x="2433941" y="801916"/>
            <a:ext cx="6674720" cy="386536"/>
          </a:xfrm>
        </p:spPr>
        <p:txBody>
          <a:bodyPr/>
          <a:lstStyle>
            <a:lvl1pPr marL="0" indent="0" algn="l">
              <a:lnSpc>
                <a:spcPct val="103000"/>
              </a:lnSpc>
              <a:buNone/>
              <a:defRPr sz="2400" b="0">
                <a:solidFill>
                  <a:srgbClr val="000000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[</a:t>
            </a:r>
            <a:r>
              <a:rPr lang="en-GB" noProof="0"/>
              <a:t>Subheader</a:t>
            </a:r>
            <a:r>
              <a:rPr lang="en-GB"/>
              <a:t>]</a:t>
            </a:r>
            <a:endParaRPr lang="en-GB" dirty="0"/>
          </a:p>
        </p:txBody>
      </p:sp>
      <p:sp>
        <p:nvSpPr>
          <p:cNvPr id="3" name="Frame text 3 [PHJU]">
            <a:extLst>
              <a:ext uri="{FF2B5EF4-FFF2-40B4-BE49-F238E27FC236}">
                <a16:creationId xmlns:a16="http://schemas.microsoft.com/office/drawing/2014/main" id="{BF43BC8F-B817-E19B-5E53-DEE045A85456}"/>
              </a:ext>
            </a:extLst>
          </p:cNvPr>
          <p:cNvSpPr>
            <a:spLocks noGrp="1" noSelect="1"/>
          </p:cNvSpPr>
          <p:nvPr>
            <p:ph type="body" sz="quarter" idx="16" hasCustomPrompt="1"/>
          </p:nvPr>
        </p:nvSpPr>
        <p:spPr>
          <a:xfrm>
            <a:off x="2433941" y="3034745"/>
            <a:ext cx="6674720" cy="280946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[Text – Apply ‘Maison Neue Bold’ font for accent bold]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4616820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[Title, icons and text]">
    <p:bg>
      <p:bgPr>
        <a:solidFill>
          <a:srgbClr val="F6E6F3">
            <a:alpha val="30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4D55C2F-AE7B-093A-EDF4-AE6FF627CE57}"/>
              </a:ext>
            </a:extLst>
          </p:cNvPr>
          <p:cNvSpPr>
            <a:spLocks noGrp="1" noSelect="1"/>
          </p:cNvSpPr>
          <p:nvPr>
            <p:ph type="title" hasCustomPrompt="1"/>
          </p:nvPr>
        </p:nvSpPr>
        <p:spPr bwMode="auto">
          <a:xfrm>
            <a:off x="1298712" y="534503"/>
            <a:ext cx="9479723" cy="773113"/>
          </a:xfrm>
        </p:spPr>
        <p:txBody>
          <a:bodyPr/>
          <a:lstStyle>
            <a:lvl1pPr>
              <a:defRPr>
                <a:solidFill>
                  <a:srgbClr val="DC6E63"/>
                </a:solidFill>
              </a:defRPr>
            </a:lvl1pPr>
          </a:lstStyle>
          <a:p>
            <a:r>
              <a:rPr lang="en-GB" dirty="0"/>
              <a:t>[Title]</a:t>
            </a:r>
          </a:p>
        </p:txBody>
      </p:sp>
      <p:sp>
        <p:nvSpPr>
          <p:cNvPr id="5" name="Frame text 2 [PHJU] (JU-Free)">
            <a:extLst>
              <a:ext uri="{FF2B5EF4-FFF2-40B4-BE49-F238E27FC236}">
                <a16:creationId xmlns:a16="http://schemas.microsoft.com/office/drawing/2014/main" id="{7B92A740-C850-F265-039C-E9374F4EE54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327394" y="3398603"/>
            <a:ext cx="2853871" cy="1531906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accent3"/>
                </a:solidFill>
                <a:latin typeface="Maison Neue Bold" panose="020B0804040000000000" pitchFamily="34" charset="0"/>
              </a:defRPr>
            </a:lvl1pPr>
            <a:lvl2pPr marL="0" marR="0" indent="0" algn="l" fontAlgn="auto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accent3"/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Header – Level 2 for text ]</a:t>
            </a:r>
          </a:p>
          <a:p>
            <a:pPr lvl="0"/>
            <a:r>
              <a:rPr lang="en-GB"/>
              <a:t>JU-LEVEL1=Heading</a:t>
            </a:r>
          </a:p>
          <a:p>
            <a:pPr lvl="1"/>
            <a:r>
              <a:rPr lang="en-GB"/>
              <a:t>JU-LEVEL2=Text</a:t>
            </a:r>
            <a:endParaRPr lang="en-GB" dirty="0"/>
          </a:p>
        </p:txBody>
      </p:sp>
      <p:sp>
        <p:nvSpPr>
          <p:cNvPr id="6" name="Frame text 3 [PHJU] (JU-Free)">
            <a:extLst>
              <a:ext uri="{FF2B5EF4-FFF2-40B4-BE49-F238E27FC236}">
                <a16:creationId xmlns:a16="http://schemas.microsoft.com/office/drawing/2014/main" id="{B0F68747-077E-58BC-FA14-31BC35D4F36C}"/>
              </a:ext>
            </a:extLst>
          </p:cNvPr>
          <p:cNvSpPr>
            <a:spLocks noGrp="1"/>
          </p:cNvSpPr>
          <p:nvPr>
            <p:ph type="body" sz="quarter" idx="1003" hasCustomPrompt="1"/>
          </p:nvPr>
        </p:nvSpPr>
        <p:spPr>
          <a:xfrm>
            <a:off x="4631777" y="3398603"/>
            <a:ext cx="2853871" cy="1531906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accent3"/>
                </a:solidFill>
                <a:latin typeface="Maison Neue Bold" panose="020B0804040000000000" pitchFamily="34" charset="0"/>
              </a:defRPr>
            </a:lvl1pPr>
            <a:lvl2pPr marL="0" marR="0" indent="0" algn="l" fontAlgn="auto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accent3"/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Header – Level 2 for text ]</a:t>
            </a:r>
          </a:p>
          <a:p>
            <a:pPr lvl="0"/>
            <a:r>
              <a:rPr lang="en-GB"/>
              <a:t>JU-LEVEL1=Heading</a:t>
            </a:r>
          </a:p>
          <a:p>
            <a:pPr lvl="1"/>
            <a:r>
              <a:rPr lang="en-GB"/>
              <a:t>JU-LEVEL2=Text</a:t>
            </a:r>
            <a:endParaRPr lang="en-GB" dirty="0"/>
          </a:p>
        </p:txBody>
      </p:sp>
      <p:sp>
        <p:nvSpPr>
          <p:cNvPr id="7" name="Frame text 4 [PHJU] (JU-Free)">
            <a:extLst>
              <a:ext uri="{FF2B5EF4-FFF2-40B4-BE49-F238E27FC236}">
                <a16:creationId xmlns:a16="http://schemas.microsoft.com/office/drawing/2014/main" id="{27932EBE-0F90-52CB-2B04-EB373F540A56}"/>
              </a:ext>
            </a:extLst>
          </p:cNvPr>
          <p:cNvSpPr>
            <a:spLocks noGrp="1"/>
          </p:cNvSpPr>
          <p:nvPr>
            <p:ph type="body" sz="quarter" idx="1004" hasCustomPrompt="1"/>
          </p:nvPr>
        </p:nvSpPr>
        <p:spPr>
          <a:xfrm>
            <a:off x="7936160" y="3398603"/>
            <a:ext cx="2853871" cy="1531906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rgbClr val="DC6E63"/>
                </a:solidFill>
                <a:latin typeface="Maison Neue Bold" panose="020B0804040000000000" pitchFamily="34" charset="0"/>
              </a:defRPr>
            </a:lvl1pPr>
            <a:lvl2pPr marL="0" marR="0" indent="0" algn="l" fontAlgn="auto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accent3"/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/>
              <a:t>[Chapter name – Level 2 for text ]</a:t>
            </a:r>
          </a:p>
          <a:p>
            <a:pPr lvl="0"/>
            <a:r>
              <a:rPr lang="en-GB"/>
              <a:t>JU-LEVEL1=Heading</a:t>
            </a:r>
          </a:p>
          <a:p>
            <a:pPr lvl="1"/>
            <a:r>
              <a:rPr lang="en-GB"/>
              <a:t>JU-LEVEL2=Text</a:t>
            </a:r>
            <a:endParaRPr lang="en-GB" dirty="0"/>
          </a:p>
        </p:txBody>
      </p:sp>
      <p:sp>
        <p:nvSpPr>
          <p:cNvPr id="10" name="Frame 5 {PHJU}">
            <a:extLst>
              <a:ext uri="{FF2B5EF4-FFF2-40B4-BE49-F238E27FC236}">
                <a16:creationId xmlns:a16="http://schemas.microsoft.com/office/drawing/2014/main" id="{13D70134-BF57-A9C6-36A3-938AB2B1F1DD}"/>
              </a:ext>
            </a:extLst>
          </p:cNvPr>
          <p:cNvSpPr>
            <a:spLocks noGrp="1" noSelect="1"/>
          </p:cNvSpPr>
          <p:nvPr>
            <p:ph type="body" sz="quarter" idx="1005" hasCustomPrompt="1"/>
          </p:nvPr>
        </p:nvSpPr>
        <p:spPr>
          <a:xfrm>
            <a:off x="9062694" y="1990727"/>
            <a:ext cx="723862" cy="723900"/>
          </a:xfrm>
          <a:custGeom>
            <a:avLst/>
            <a:gdLst>
              <a:gd name="connsiteX0" fmla="*/ 519866 w 723862"/>
              <a:gd name="connsiteY0" fmla="*/ 316547 h 723900"/>
              <a:gd name="connsiteX1" fmla="*/ 565249 w 723862"/>
              <a:gd name="connsiteY1" fmla="*/ 361949 h 723900"/>
              <a:gd name="connsiteX2" fmla="*/ 519866 w 723862"/>
              <a:gd name="connsiteY2" fmla="*/ 407352 h 723900"/>
              <a:gd name="connsiteX3" fmla="*/ 474483 w 723862"/>
              <a:gd name="connsiteY3" fmla="*/ 361949 h 723900"/>
              <a:gd name="connsiteX4" fmla="*/ 519866 w 723862"/>
              <a:gd name="connsiteY4" fmla="*/ 316547 h 723900"/>
              <a:gd name="connsiteX5" fmla="*/ 348490 w 723862"/>
              <a:gd name="connsiteY5" fmla="*/ 316547 h 723900"/>
              <a:gd name="connsiteX6" fmla="*/ 393873 w 723862"/>
              <a:gd name="connsiteY6" fmla="*/ 361949 h 723900"/>
              <a:gd name="connsiteX7" fmla="*/ 348490 w 723862"/>
              <a:gd name="connsiteY7" fmla="*/ 407352 h 723900"/>
              <a:gd name="connsiteX8" fmla="*/ 303107 w 723862"/>
              <a:gd name="connsiteY8" fmla="*/ 361949 h 723900"/>
              <a:gd name="connsiteX9" fmla="*/ 348490 w 723862"/>
              <a:gd name="connsiteY9" fmla="*/ 316547 h 723900"/>
              <a:gd name="connsiteX10" fmla="*/ 177114 w 723862"/>
              <a:gd name="connsiteY10" fmla="*/ 316547 h 723900"/>
              <a:gd name="connsiteX11" fmla="*/ 222497 w 723862"/>
              <a:gd name="connsiteY11" fmla="*/ 361949 h 723900"/>
              <a:gd name="connsiteX12" fmla="*/ 177114 w 723862"/>
              <a:gd name="connsiteY12" fmla="*/ 407352 h 723900"/>
              <a:gd name="connsiteX13" fmla="*/ 131731 w 723862"/>
              <a:gd name="connsiteY13" fmla="*/ 361949 h 723900"/>
              <a:gd name="connsiteX14" fmla="*/ 177114 w 723862"/>
              <a:gd name="connsiteY14" fmla="*/ 316547 h 723900"/>
              <a:gd name="connsiteX15" fmla="*/ 361820 w 723862"/>
              <a:gd name="connsiteY15" fmla="*/ 38099 h 723900"/>
              <a:gd name="connsiteX16" fmla="*/ 38109 w 723862"/>
              <a:gd name="connsiteY16" fmla="*/ 361949 h 723900"/>
              <a:gd name="connsiteX17" fmla="*/ 92378 w 723862"/>
              <a:gd name="connsiteY17" fmla="*/ 541337 h 723900"/>
              <a:gd name="connsiteX18" fmla="*/ 94282 w 723862"/>
              <a:gd name="connsiteY18" fmla="*/ 558482 h 723900"/>
              <a:gd name="connsiteX19" fmla="*/ 48582 w 723862"/>
              <a:gd name="connsiteY19" fmla="*/ 680085 h 723900"/>
              <a:gd name="connsiteX20" fmla="*/ 208216 w 723862"/>
              <a:gd name="connsiteY20" fmla="*/ 651192 h 723900"/>
              <a:gd name="connsiteX21" fmla="*/ 211389 w 723862"/>
              <a:gd name="connsiteY21" fmla="*/ 650875 h 723900"/>
              <a:gd name="connsiteX22" fmla="*/ 219958 w 723862"/>
              <a:gd name="connsiteY22" fmla="*/ 652780 h 723900"/>
              <a:gd name="connsiteX23" fmla="*/ 652842 w 723862"/>
              <a:gd name="connsiteY23" fmla="*/ 504189 h 723900"/>
              <a:gd name="connsiteX24" fmla="*/ 668075 w 723862"/>
              <a:gd name="connsiteY24" fmla="*/ 256857 h 723900"/>
              <a:gd name="connsiteX25" fmla="*/ 503998 w 723862"/>
              <a:gd name="connsiteY25" fmla="*/ 71119 h 723900"/>
              <a:gd name="connsiteX26" fmla="*/ 361820 w 723862"/>
              <a:gd name="connsiteY26" fmla="*/ 38099 h 723900"/>
              <a:gd name="connsiteX27" fmla="*/ 361810 w 723862"/>
              <a:gd name="connsiteY27" fmla="*/ 0 h 723900"/>
              <a:gd name="connsiteX28" fmla="*/ 361829 w 723862"/>
              <a:gd name="connsiteY28" fmla="*/ 0 h 723900"/>
              <a:gd name="connsiteX29" fmla="*/ 443461 w 723862"/>
              <a:gd name="connsiteY29" fmla="*/ 9365 h 723900"/>
              <a:gd name="connsiteX30" fmla="*/ 520818 w 723862"/>
              <a:gd name="connsiteY30" fmla="*/ 36829 h 723900"/>
              <a:gd name="connsiteX31" fmla="*/ 704254 w 723862"/>
              <a:gd name="connsiteY31" fmla="*/ 244474 h 723900"/>
              <a:gd name="connsiteX32" fmla="*/ 687117 w 723862"/>
              <a:gd name="connsiteY32" fmla="*/ 521017 h 723900"/>
              <a:gd name="connsiteX33" fmla="*/ 208850 w 723862"/>
              <a:gd name="connsiteY33" fmla="*/ 689927 h 723900"/>
              <a:gd name="connsiteX34" fmla="*/ 22558 w 723862"/>
              <a:gd name="connsiteY34" fmla="*/ 723582 h 723900"/>
              <a:gd name="connsiteX35" fmla="*/ 19067 w 723862"/>
              <a:gd name="connsiteY35" fmla="*/ 723900 h 723900"/>
              <a:gd name="connsiteX36" fmla="*/ 4469 w 723862"/>
              <a:gd name="connsiteY36" fmla="*/ 716915 h 723900"/>
              <a:gd name="connsiteX37" fmla="*/ 1295 w 723862"/>
              <a:gd name="connsiteY37" fmla="*/ 698182 h 723900"/>
              <a:gd name="connsiteX38" fmla="*/ 55247 w 723862"/>
              <a:gd name="connsiteY38" fmla="*/ 554037 h 723900"/>
              <a:gd name="connsiteX39" fmla="*/ 25 w 723862"/>
              <a:gd name="connsiteY39" fmla="*/ 361949 h 723900"/>
              <a:gd name="connsiteX40" fmla="*/ 288961 w 723862"/>
              <a:gd name="connsiteY40" fmla="*/ 7465 h 7239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</a:cxnLst>
            <a:rect l="l" t="t" r="r" b="b"/>
            <a:pathLst>
              <a:path w="723862" h="723900">
                <a:moveTo>
                  <a:pt x="519866" y="316547"/>
                </a:moveTo>
                <a:cubicBezTo>
                  <a:pt x="544938" y="316547"/>
                  <a:pt x="565249" y="336867"/>
                  <a:pt x="565249" y="361949"/>
                </a:cubicBezTo>
                <a:cubicBezTo>
                  <a:pt x="565249" y="387032"/>
                  <a:pt x="544938" y="407352"/>
                  <a:pt x="519866" y="407352"/>
                </a:cubicBezTo>
                <a:cubicBezTo>
                  <a:pt x="494795" y="407352"/>
                  <a:pt x="474483" y="387032"/>
                  <a:pt x="474483" y="361949"/>
                </a:cubicBezTo>
                <a:cubicBezTo>
                  <a:pt x="474483" y="336867"/>
                  <a:pt x="494795" y="316547"/>
                  <a:pt x="519866" y="316547"/>
                </a:cubicBezTo>
                <a:close/>
                <a:moveTo>
                  <a:pt x="348490" y="316547"/>
                </a:moveTo>
                <a:cubicBezTo>
                  <a:pt x="373562" y="316547"/>
                  <a:pt x="393873" y="336867"/>
                  <a:pt x="393873" y="361949"/>
                </a:cubicBezTo>
                <a:cubicBezTo>
                  <a:pt x="393873" y="387032"/>
                  <a:pt x="373562" y="407352"/>
                  <a:pt x="348490" y="407352"/>
                </a:cubicBezTo>
                <a:cubicBezTo>
                  <a:pt x="323419" y="407352"/>
                  <a:pt x="303107" y="387032"/>
                  <a:pt x="303107" y="361949"/>
                </a:cubicBezTo>
                <a:cubicBezTo>
                  <a:pt x="303107" y="336867"/>
                  <a:pt x="323419" y="316547"/>
                  <a:pt x="348490" y="316547"/>
                </a:cubicBezTo>
                <a:close/>
                <a:moveTo>
                  <a:pt x="177114" y="316547"/>
                </a:moveTo>
                <a:cubicBezTo>
                  <a:pt x="202186" y="316547"/>
                  <a:pt x="222497" y="336867"/>
                  <a:pt x="222497" y="361949"/>
                </a:cubicBezTo>
                <a:cubicBezTo>
                  <a:pt x="222497" y="387032"/>
                  <a:pt x="202186" y="407352"/>
                  <a:pt x="177114" y="407352"/>
                </a:cubicBezTo>
                <a:cubicBezTo>
                  <a:pt x="152042" y="407352"/>
                  <a:pt x="131731" y="387032"/>
                  <a:pt x="131731" y="361949"/>
                </a:cubicBezTo>
                <a:cubicBezTo>
                  <a:pt x="131731" y="336867"/>
                  <a:pt x="152042" y="316547"/>
                  <a:pt x="177114" y="316547"/>
                </a:cubicBezTo>
                <a:close/>
                <a:moveTo>
                  <a:pt x="361820" y="38099"/>
                </a:moveTo>
                <a:cubicBezTo>
                  <a:pt x="183144" y="38099"/>
                  <a:pt x="38109" y="183514"/>
                  <a:pt x="38109" y="361949"/>
                </a:cubicBezTo>
                <a:cubicBezTo>
                  <a:pt x="38109" y="426084"/>
                  <a:pt x="56833" y="487997"/>
                  <a:pt x="92378" y="541337"/>
                </a:cubicBezTo>
                <a:cubicBezTo>
                  <a:pt x="95869" y="546417"/>
                  <a:pt x="96504" y="552767"/>
                  <a:pt x="94282" y="558482"/>
                </a:cubicBezTo>
                <a:cubicBezTo>
                  <a:pt x="48582" y="680085"/>
                  <a:pt x="48582" y="680085"/>
                  <a:pt x="48582" y="680085"/>
                </a:cubicBezTo>
                <a:cubicBezTo>
                  <a:pt x="208216" y="651192"/>
                  <a:pt x="208216" y="651192"/>
                  <a:pt x="208216" y="651192"/>
                </a:cubicBezTo>
                <a:cubicBezTo>
                  <a:pt x="209168" y="651192"/>
                  <a:pt x="210437" y="650875"/>
                  <a:pt x="211389" y="650875"/>
                </a:cubicBezTo>
                <a:cubicBezTo>
                  <a:pt x="214246" y="650875"/>
                  <a:pt x="217102" y="651510"/>
                  <a:pt x="219958" y="652780"/>
                </a:cubicBezTo>
                <a:cubicBezTo>
                  <a:pt x="380227" y="731202"/>
                  <a:pt x="574453" y="664527"/>
                  <a:pt x="652842" y="504189"/>
                </a:cubicBezTo>
                <a:cubicBezTo>
                  <a:pt x="690608" y="426402"/>
                  <a:pt x="696003" y="338454"/>
                  <a:pt x="668075" y="256857"/>
                </a:cubicBezTo>
                <a:cubicBezTo>
                  <a:pt x="639830" y="174942"/>
                  <a:pt x="581752" y="108902"/>
                  <a:pt x="503998" y="71119"/>
                </a:cubicBezTo>
                <a:cubicBezTo>
                  <a:pt x="460202" y="49529"/>
                  <a:pt x="411011" y="38099"/>
                  <a:pt x="361820" y="38099"/>
                </a:cubicBezTo>
                <a:close/>
                <a:moveTo>
                  <a:pt x="361810" y="0"/>
                </a:moveTo>
                <a:lnTo>
                  <a:pt x="361829" y="0"/>
                </a:lnTo>
                <a:lnTo>
                  <a:pt x="443461" y="9365"/>
                </a:lnTo>
                <a:cubicBezTo>
                  <a:pt x="470199" y="15557"/>
                  <a:pt x="496222" y="24764"/>
                  <a:pt x="520818" y="36829"/>
                </a:cubicBezTo>
                <a:cubicBezTo>
                  <a:pt x="607459" y="79374"/>
                  <a:pt x="672835" y="153034"/>
                  <a:pt x="704254" y="244474"/>
                </a:cubicBezTo>
                <a:cubicBezTo>
                  <a:pt x="735356" y="335914"/>
                  <a:pt x="729326" y="434022"/>
                  <a:pt x="687117" y="521017"/>
                </a:cubicBezTo>
                <a:cubicBezTo>
                  <a:pt x="600477" y="698182"/>
                  <a:pt x="386891" y="773112"/>
                  <a:pt x="208850" y="689927"/>
                </a:cubicBezTo>
                <a:cubicBezTo>
                  <a:pt x="22558" y="723582"/>
                  <a:pt x="22558" y="723582"/>
                  <a:pt x="22558" y="723582"/>
                </a:cubicBezTo>
                <a:cubicBezTo>
                  <a:pt x="21289" y="723900"/>
                  <a:pt x="20019" y="723900"/>
                  <a:pt x="19067" y="723900"/>
                </a:cubicBezTo>
                <a:cubicBezTo>
                  <a:pt x="13355" y="723900"/>
                  <a:pt x="7960" y="721360"/>
                  <a:pt x="4469" y="716915"/>
                </a:cubicBezTo>
                <a:cubicBezTo>
                  <a:pt x="25" y="711835"/>
                  <a:pt x="-1244" y="704532"/>
                  <a:pt x="1295" y="698182"/>
                </a:cubicBezTo>
                <a:cubicBezTo>
                  <a:pt x="55247" y="554037"/>
                  <a:pt x="55247" y="554037"/>
                  <a:pt x="55247" y="554037"/>
                </a:cubicBezTo>
                <a:cubicBezTo>
                  <a:pt x="19067" y="496569"/>
                  <a:pt x="25" y="430212"/>
                  <a:pt x="25" y="361949"/>
                </a:cubicBezTo>
                <a:cubicBezTo>
                  <a:pt x="25" y="187483"/>
                  <a:pt x="124189" y="41458"/>
                  <a:pt x="288961" y="7465"/>
                </a:cubicBezTo>
                <a:close/>
              </a:path>
            </a:pathLst>
          </a:custGeom>
          <a:solidFill>
            <a:srgbClr val="DE6E63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12" name="Frame 6 {PHJU}">
            <a:extLst>
              <a:ext uri="{FF2B5EF4-FFF2-40B4-BE49-F238E27FC236}">
                <a16:creationId xmlns:a16="http://schemas.microsoft.com/office/drawing/2014/main" id="{096C864A-A932-84D8-358B-6F4A9C6D957B}"/>
              </a:ext>
            </a:extLst>
          </p:cNvPr>
          <p:cNvSpPr>
            <a:spLocks noGrp="1" noSelect="1"/>
          </p:cNvSpPr>
          <p:nvPr>
            <p:ph type="body" sz="quarter" idx="1006" hasCustomPrompt="1"/>
          </p:nvPr>
        </p:nvSpPr>
        <p:spPr>
          <a:xfrm>
            <a:off x="2428875" y="1990726"/>
            <a:ext cx="723900" cy="723900"/>
          </a:xfrm>
          <a:custGeom>
            <a:avLst/>
            <a:gdLst>
              <a:gd name="connsiteX0" fmla="*/ 361950 w 723900"/>
              <a:gd name="connsiteY0" fmla="*/ 342900 h 723900"/>
              <a:gd name="connsiteX1" fmla="*/ 365760 w 723900"/>
              <a:gd name="connsiteY1" fmla="*/ 343218 h 723900"/>
              <a:gd name="connsiteX2" fmla="*/ 367030 w 723900"/>
              <a:gd name="connsiteY2" fmla="*/ 343853 h 723900"/>
              <a:gd name="connsiteX3" fmla="*/ 369570 w 723900"/>
              <a:gd name="connsiteY3" fmla="*/ 344488 h 723900"/>
              <a:gd name="connsiteX4" fmla="*/ 370840 w 723900"/>
              <a:gd name="connsiteY4" fmla="*/ 345123 h 723900"/>
              <a:gd name="connsiteX5" fmla="*/ 372745 w 723900"/>
              <a:gd name="connsiteY5" fmla="*/ 346075 h 723900"/>
              <a:gd name="connsiteX6" fmla="*/ 374015 w 723900"/>
              <a:gd name="connsiteY6" fmla="*/ 347345 h 723900"/>
              <a:gd name="connsiteX7" fmla="*/ 375603 w 723900"/>
              <a:gd name="connsiteY7" fmla="*/ 348615 h 723900"/>
              <a:gd name="connsiteX8" fmla="*/ 507365 w 723900"/>
              <a:gd name="connsiteY8" fmla="*/ 480378 h 723900"/>
              <a:gd name="connsiteX9" fmla="*/ 507365 w 723900"/>
              <a:gd name="connsiteY9" fmla="*/ 507365 h 723900"/>
              <a:gd name="connsiteX10" fmla="*/ 494030 w 723900"/>
              <a:gd name="connsiteY10" fmla="*/ 513080 h 723900"/>
              <a:gd name="connsiteX11" fmla="*/ 480378 w 723900"/>
              <a:gd name="connsiteY11" fmla="*/ 507365 h 723900"/>
              <a:gd name="connsiteX12" fmla="*/ 381000 w 723900"/>
              <a:gd name="connsiteY12" fmla="*/ 407988 h 723900"/>
              <a:gd name="connsiteX13" fmla="*/ 381000 w 723900"/>
              <a:gd name="connsiteY13" fmla="*/ 704850 h 723900"/>
              <a:gd name="connsiteX14" fmla="*/ 361950 w 723900"/>
              <a:gd name="connsiteY14" fmla="*/ 723900 h 723900"/>
              <a:gd name="connsiteX15" fmla="*/ 342900 w 723900"/>
              <a:gd name="connsiteY15" fmla="*/ 704850 h 723900"/>
              <a:gd name="connsiteX16" fmla="*/ 342900 w 723900"/>
              <a:gd name="connsiteY16" fmla="*/ 407988 h 723900"/>
              <a:gd name="connsiteX17" fmla="*/ 243523 w 723900"/>
              <a:gd name="connsiteY17" fmla="*/ 507365 h 723900"/>
              <a:gd name="connsiteX18" fmla="*/ 216853 w 723900"/>
              <a:gd name="connsiteY18" fmla="*/ 507365 h 723900"/>
              <a:gd name="connsiteX19" fmla="*/ 216853 w 723900"/>
              <a:gd name="connsiteY19" fmla="*/ 480378 h 723900"/>
              <a:gd name="connsiteX20" fmla="*/ 348615 w 723900"/>
              <a:gd name="connsiteY20" fmla="*/ 348615 h 723900"/>
              <a:gd name="connsiteX21" fmla="*/ 351473 w 723900"/>
              <a:gd name="connsiteY21" fmla="*/ 346075 h 723900"/>
              <a:gd name="connsiteX22" fmla="*/ 352425 w 723900"/>
              <a:gd name="connsiteY22" fmla="*/ 345758 h 723900"/>
              <a:gd name="connsiteX23" fmla="*/ 354648 w 723900"/>
              <a:gd name="connsiteY23" fmla="*/ 344488 h 723900"/>
              <a:gd name="connsiteX24" fmla="*/ 356553 w 723900"/>
              <a:gd name="connsiteY24" fmla="*/ 343853 h 723900"/>
              <a:gd name="connsiteX25" fmla="*/ 358140 w 723900"/>
              <a:gd name="connsiteY25" fmla="*/ 343218 h 723900"/>
              <a:gd name="connsiteX26" fmla="*/ 361950 w 723900"/>
              <a:gd name="connsiteY26" fmla="*/ 342900 h 723900"/>
              <a:gd name="connsiteX27" fmla="*/ 72073 w 723900"/>
              <a:gd name="connsiteY27" fmla="*/ 38100 h 723900"/>
              <a:gd name="connsiteX28" fmla="*/ 38100 w 723900"/>
              <a:gd name="connsiteY28" fmla="*/ 71755 h 723900"/>
              <a:gd name="connsiteX29" fmla="*/ 38100 w 723900"/>
              <a:gd name="connsiteY29" fmla="*/ 158433 h 723900"/>
              <a:gd name="connsiteX30" fmla="*/ 685800 w 723900"/>
              <a:gd name="connsiteY30" fmla="*/ 158433 h 723900"/>
              <a:gd name="connsiteX31" fmla="*/ 685800 w 723900"/>
              <a:gd name="connsiteY31" fmla="*/ 71755 h 723900"/>
              <a:gd name="connsiteX32" fmla="*/ 652145 w 723900"/>
              <a:gd name="connsiteY32" fmla="*/ 38100 h 723900"/>
              <a:gd name="connsiteX33" fmla="*/ 72073 w 723900"/>
              <a:gd name="connsiteY33" fmla="*/ 38100 h 723900"/>
              <a:gd name="connsiteX34" fmla="*/ 72073 w 723900"/>
              <a:gd name="connsiteY34" fmla="*/ 0 h 723900"/>
              <a:gd name="connsiteX35" fmla="*/ 73206 w 723900"/>
              <a:gd name="connsiteY35" fmla="*/ 0 h 723900"/>
              <a:gd name="connsiteX36" fmla="*/ 81136 w 723900"/>
              <a:gd name="connsiteY36" fmla="*/ 0 h 723900"/>
              <a:gd name="connsiteX37" fmla="*/ 102662 w 723900"/>
              <a:gd name="connsiteY37" fmla="*/ 0 h 723900"/>
              <a:gd name="connsiteX38" fmla="*/ 144582 w 723900"/>
              <a:gd name="connsiteY38" fmla="*/ 0 h 723900"/>
              <a:gd name="connsiteX39" fmla="*/ 175313 w 723900"/>
              <a:gd name="connsiteY39" fmla="*/ 0 h 723900"/>
              <a:gd name="connsiteX40" fmla="*/ 213692 w 723900"/>
              <a:gd name="connsiteY40" fmla="*/ 0 h 723900"/>
              <a:gd name="connsiteX41" fmla="*/ 260568 w 723900"/>
              <a:gd name="connsiteY41" fmla="*/ 0 h 723900"/>
              <a:gd name="connsiteX42" fmla="*/ 316791 w 723900"/>
              <a:gd name="connsiteY42" fmla="*/ 0 h 723900"/>
              <a:gd name="connsiteX43" fmla="*/ 383210 w 723900"/>
              <a:gd name="connsiteY43" fmla="*/ 0 h 723900"/>
              <a:gd name="connsiteX44" fmla="*/ 460676 w 723900"/>
              <a:gd name="connsiteY44" fmla="*/ 0 h 723900"/>
              <a:gd name="connsiteX45" fmla="*/ 550038 w 723900"/>
              <a:gd name="connsiteY45" fmla="*/ 0 h 723900"/>
              <a:gd name="connsiteX46" fmla="*/ 652145 w 723900"/>
              <a:gd name="connsiteY46" fmla="*/ 0 h 723900"/>
              <a:gd name="connsiteX47" fmla="*/ 723900 w 723900"/>
              <a:gd name="connsiteY47" fmla="*/ 71755 h 723900"/>
              <a:gd name="connsiteX48" fmla="*/ 723900 w 723900"/>
              <a:gd name="connsiteY48" fmla="*/ 73407 h 723900"/>
              <a:gd name="connsiteX49" fmla="*/ 723900 w 723900"/>
              <a:gd name="connsiteY49" fmla="*/ 84971 h 723900"/>
              <a:gd name="connsiteX50" fmla="*/ 723900 w 723900"/>
              <a:gd name="connsiteY50" fmla="*/ 116359 h 723900"/>
              <a:gd name="connsiteX51" fmla="*/ 723900 w 723900"/>
              <a:gd name="connsiteY51" fmla="*/ 142584 h 723900"/>
              <a:gd name="connsiteX52" fmla="*/ 723900 w 723900"/>
              <a:gd name="connsiteY52" fmla="*/ 177483 h 723900"/>
              <a:gd name="connsiteX53" fmla="*/ 723900 w 723900"/>
              <a:gd name="connsiteY53" fmla="*/ 178410 h 723900"/>
              <a:gd name="connsiteX54" fmla="*/ 723900 w 723900"/>
              <a:gd name="connsiteY54" fmla="*/ 184899 h 723900"/>
              <a:gd name="connsiteX55" fmla="*/ 723900 w 723900"/>
              <a:gd name="connsiteY55" fmla="*/ 202514 h 723900"/>
              <a:gd name="connsiteX56" fmla="*/ 723900 w 723900"/>
              <a:gd name="connsiteY56" fmla="*/ 236815 h 723900"/>
              <a:gd name="connsiteX57" fmla="*/ 723900 w 723900"/>
              <a:gd name="connsiteY57" fmla="*/ 293367 h 723900"/>
              <a:gd name="connsiteX58" fmla="*/ 723900 w 723900"/>
              <a:gd name="connsiteY58" fmla="*/ 331725 h 723900"/>
              <a:gd name="connsiteX59" fmla="*/ 723900 w 723900"/>
              <a:gd name="connsiteY59" fmla="*/ 377731 h 723900"/>
              <a:gd name="connsiteX60" fmla="*/ 723900 w 723900"/>
              <a:gd name="connsiteY60" fmla="*/ 432081 h 723900"/>
              <a:gd name="connsiteX61" fmla="*/ 723900 w 723900"/>
              <a:gd name="connsiteY61" fmla="*/ 495469 h 723900"/>
              <a:gd name="connsiteX62" fmla="*/ 723900 w 723900"/>
              <a:gd name="connsiteY62" fmla="*/ 568592 h 723900"/>
              <a:gd name="connsiteX63" fmla="*/ 723900 w 723900"/>
              <a:gd name="connsiteY63" fmla="*/ 652145 h 723900"/>
              <a:gd name="connsiteX64" fmla="*/ 652145 w 723900"/>
              <a:gd name="connsiteY64" fmla="*/ 723900 h 723900"/>
              <a:gd name="connsiteX65" fmla="*/ 650498 w 723900"/>
              <a:gd name="connsiteY65" fmla="*/ 723900 h 723900"/>
              <a:gd name="connsiteX66" fmla="*/ 638969 w 723900"/>
              <a:gd name="connsiteY66" fmla="*/ 723900 h 723900"/>
              <a:gd name="connsiteX67" fmla="*/ 607675 w 723900"/>
              <a:gd name="connsiteY67" fmla="*/ 723900 h 723900"/>
              <a:gd name="connsiteX68" fmla="*/ 581529 w 723900"/>
              <a:gd name="connsiteY68" fmla="*/ 723900 h 723900"/>
              <a:gd name="connsiteX69" fmla="*/ 546735 w 723900"/>
              <a:gd name="connsiteY69" fmla="*/ 723900 h 723900"/>
              <a:gd name="connsiteX70" fmla="*/ 527685 w 723900"/>
              <a:gd name="connsiteY70" fmla="*/ 704850 h 723900"/>
              <a:gd name="connsiteX71" fmla="*/ 546735 w 723900"/>
              <a:gd name="connsiteY71" fmla="*/ 685800 h 723900"/>
              <a:gd name="connsiteX72" fmla="*/ 652145 w 723900"/>
              <a:gd name="connsiteY72" fmla="*/ 685800 h 723900"/>
              <a:gd name="connsiteX73" fmla="*/ 685800 w 723900"/>
              <a:gd name="connsiteY73" fmla="*/ 652145 h 723900"/>
              <a:gd name="connsiteX74" fmla="*/ 685800 w 723900"/>
              <a:gd name="connsiteY74" fmla="*/ 196533 h 723900"/>
              <a:gd name="connsiteX75" fmla="*/ 38100 w 723900"/>
              <a:gd name="connsiteY75" fmla="*/ 196533 h 723900"/>
              <a:gd name="connsiteX76" fmla="*/ 38100 w 723900"/>
              <a:gd name="connsiteY76" fmla="*/ 652145 h 723900"/>
              <a:gd name="connsiteX77" fmla="*/ 72073 w 723900"/>
              <a:gd name="connsiteY77" fmla="*/ 685800 h 723900"/>
              <a:gd name="connsiteX78" fmla="*/ 177483 w 723900"/>
              <a:gd name="connsiteY78" fmla="*/ 685800 h 723900"/>
              <a:gd name="connsiteX79" fmla="*/ 196533 w 723900"/>
              <a:gd name="connsiteY79" fmla="*/ 704850 h 723900"/>
              <a:gd name="connsiteX80" fmla="*/ 177483 w 723900"/>
              <a:gd name="connsiteY80" fmla="*/ 723900 h 723900"/>
              <a:gd name="connsiteX81" fmla="*/ 175836 w 723900"/>
              <a:gd name="connsiteY81" fmla="*/ 723900 h 723900"/>
              <a:gd name="connsiteX82" fmla="*/ 164306 w 723900"/>
              <a:gd name="connsiteY82" fmla="*/ 723900 h 723900"/>
              <a:gd name="connsiteX83" fmla="*/ 133013 w 723900"/>
              <a:gd name="connsiteY83" fmla="*/ 723900 h 723900"/>
              <a:gd name="connsiteX84" fmla="*/ 106866 w 723900"/>
              <a:gd name="connsiteY84" fmla="*/ 723900 h 723900"/>
              <a:gd name="connsiteX85" fmla="*/ 72073 w 723900"/>
              <a:gd name="connsiteY85" fmla="*/ 723900 h 723900"/>
              <a:gd name="connsiteX86" fmla="*/ 0 w 723900"/>
              <a:gd name="connsiteY86" fmla="*/ 652145 h 723900"/>
              <a:gd name="connsiteX87" fmla="*/ 0 w 723900"/>
              <a:gd name="connsiteY87" fmla="*/ 651012 h 723900"/>
              <a:gd name="connsiteX88" fmla="*/ 0 w 723900"/>
              <a:gd name="connsiteY88" fmla="*/ 643077 h 723900"/>
              <a:gd name="connsiteX89" fmla="*/ 0 w 723900"/>
              <a:gd name="connsiteY89" fmla="*/ 621539 h 723900"/>
              <a:gd name="connsiteX90" fmla="*/ 0 w 723900"/>
              <a:gd name="connsiteY90" fmla="*/ 579596 h 723900"/>
              <a:gd name="connsiteX91" fmla="*/ 0 w 723900"/>
              <a:gd name="connsiteY91" fmla="*/ 548848 h 723900"/>
              <a:gd name="connsiteX92" fmla="*/ 0 w 723900"/>
              <a:gd name="connsiteY92" fmla="*/ 510448 h 723900"/>
              <a:gd name="connsiteX93" fmla="*/ 0 w 723900"/>
              <a:gd name="connsiteY93" fmla="*/ 463547 h 723900"/>
              <a:gd name="connsiteX94" fmla="*/ 0 w 723900"/>
              <a:gd name="connsiteY94" fmla="*/ 407293 h 723900"/>
              <a:gd name="connsiteX95" fmla="*/ 0 w 723900"/>
              <a:gd name="connsiteY95" fmla="*/ 340837 h 723900"/>
              <a:gd name="connsiteX96" fmla="*/ 0 w 723900"/>
              <a:gd name="connsiteY96" fmla="*/ 263329 h 723900"/>
              <a:gd name="connsiteX97" fmla="*/ 0 w 723900"/>
              <a:gd name="connsiteY97" fmla="*/ 173919 h 723900"/>
              <a:gd name="connsiteX98" fmla="*/ 0 w 723900"/>
              <a:gd name="connsiteY98" fmla="*/ 71755 h 723900"/>
              <a:gd name="connsiteX99" fmla="*/ 72073 w 723900"/>
              <a:gd name="connsiteY99" fmla="*/ 0 h 7239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</a:cxnLst>
            <a:rect l="l" t="t" r="r" b="b"/>
            <a:pathLst>
              <a:path w="723900" h="723900">
                <a:moveTo>
                  <a:pt x="361950" y="342900"/>
                </a:moveTo>
                <a:cubicBezTo>
                  <a:pt x="363220" y="342900"/>
                  <a:pt x="364490" y="343218"/>
                  <a:pt x="365760" y="343218"/>
                </a:cubicBezTo>
                <a:cubicBezTo>
                  <a:pt x="366395" y="343535"/>
                  <a:pt x="366713" y="343535"/>
                  <a:pt x="367030" y="343853"/>
                </a:cubicBezTo>
                <a:cubicBezTo>
                  <a:pt x="367983" y="343853"/>
                  <a:pt x="368618" y="344170"/>
                  <a:pt x="369570" y="344488"/>
                </a:cubicBezTo>
                <a:cubicBezTo>
                  <a:pt x="369888" y="344805"/>
                  <a:pt x="370523" y="345123"/>
                  <a:pt x="370840" y="345123"/>
                </a:cubicBezTo>
                <a:cubicBezTo>
                  <a:pt x="371475" y="345440"/>
                  <a:pt x="372110" y="345758"/>
                  <a:pt x="372745" y="346075"/>
                </a:cubicBezTo>
                <a:cubicBezTo>
                  <a:pt x="373063" y="346710"/>
                  <a:pt x="373698" y="347028"/>
                  <a:pt x="374015" y="347345"/>
                </a:cubicBezTo>
                <a:cubicBezTo>
                  <a:pt x="374650" y="347663"/>
                  <a:pt x="374968" y="347980"/>
                  <a:pt x="375603" y="348615"/>
                </a:cubicBezTo>
                <a:lnTo>
                  <a:pt x="507365" y="480378"/>
                </a:lnTo>
                <a:cubicBezTo>
                  <a:pt x="514985" y="487998"/>
                  <a:pt x="514985" y="500063"/>
                  <a:pt x="507365" y="507365"/>
                </a:cubicBezTo>
                <a:cubicBezTo>
                  <a:pt x="503555" y="511175"/>
                  <a:pt x="498793" y="513080"/>
                  <a:pt x="494030" y="513080"/>
                </a:cubicBezTo>
                <a:cubicBezTo>
                  <a:pt x="488950" y="513080"/>
                  <a:pt x="484188" y="511175"/>
                  <a:pt x="480378" y="507365"/>
                </a:cubicBezTo>
                <a:cubicBezTo>
                  <a:pt x="381000" y="407988"/>
                  <a:pt x="381000" y="407988"/>
                  <a:pt x="381000" y="407988"/>
                </a:cubicBezTo>
                <a:cubicBezTo>
                  <a:pt x="381000" y="704850"/>
                  <a:pt x="381000" y="704850"/>
                  <a:pt x="381000" y="704850"/>
                </a:cubicBezTo>
                <a:cubicBezTo>
                  <a:pt x="381000" y="715328"/>
                  <a:pt x="372745" y="723900"/>
                  <a:pt x="361950" y="723900"/>
                </a:cubicBezTo>
                <a:cubicBezTo>
                  <a:pt x="351473" y="723900"/>
                  <a:pt x="342900" y="715328"/>
                  <a:pt x="342900" y="704850"/>
                </a:cubicBezTo>
                <a:cubicBezTo>
                  <a:pt x="342900" y="407988"/>
                  <a:pt x="342900" y="407988"/>
                  <a:pt x="342900" y="407988"/>
                </a:cubicBezTo>
                <a:cubicBezTo>
                  <a:pt x="243523" y="507365"/>
                  <a:pt x="243523" y="507365"/>
                  <a:pt x="243523" y="507365"/>
                </a:cubicBezTo>
                <a:cubicBezTo>
                  <a:pt x="236220" y="514668"/>
                  <a:pt x="224155" y="514668"/>
                  <a:pt x="216853" y="507365"/>
                </a:cubicBezTo>
                <a:cubicBezTo>
                  <a:pt x="209233" y="500063"/>
                  <a:pt x="209233" y="487998"/>
                  <a:pt x="216853" y="480378"/>
                </a:cubicBezTo>
                <a:cubicBezTo>
                  <a:pt x="348615" y="348615"/>
                  <a:pt x="348615" y="348615"/>
                  <a:pt x="348615" y="348615"/>
                </a:cubicBezTo>
                <a:cubicBezTo>
                  <a:pt x="349568" y="347663"/>
                  <a:pt x="350520" y="347028"/>
                  <a:pt x="351473" y="346075"/>
                </a:cubicBezTo>
                <a:cubicBezTo>
                  <a:pt x="351790" y="346075"/>
                  <a:pt x="352108" y="345758"/>
                  <a:pt x="352425" y="345758"/>
                </a:cubicBezTo>
                <a:cubicBezTo>
                  <a:pt x="353060" y="345123"/>
                  <a:pt x="354013" y="344805"/>
                  <a:pt x="354648" y="344488"/>
                </a:cubicBezTo>
                <a:cubicBezTo>
                  <a:pt x="355283" y="344170"/>
                  <a:pt x="355918" y="344170"/>
                  <a:pt x="356553" y="343853"/>
                </a:cubicBezTo>
                <a:cubicBezTo>
                  <a:pt x="357188" y="343853"/>
                  <a:pt x="357823" y="343535"/>
                  <a:pt x="358140" y="343218"/>
                </a:cubicBezTo>
                <a:cubicBezTo>
                  <a:pt x="359410" y="343218"/>
                  <a:pt x="360680" y="342900"/>
                  <a:pt x="361950" y="342900"/>
                </a:cubicBezTo>
                <a:close/>
                <a:moveTo>
                  <a:pt x="72073" y="38100"/>
                </a:moveTo>
                <a:cubicBezTo>
                  <a:pt x="53340" y="38100"/>
                  <a:pt x="38100" y="53340"/>
                  <a:pt x="38100" y="71755"/>
                </a:cubicBezTo>
                <a:cubicBezTo>
                  <a:pt x="38100" y="71755"/>
                  <a:pt x="38100" y="71755"/>
                  <a:pt x="38100" y="158433"/>
                </a:cubicBezTo>
                <a:lnTo>
                  <a:pt x="685800" y="158433"/>
                </a:lnTo>
                <a:cubicBezTo>
                  <a:pt x="685800" y="158433"/>
                  <a:pt x="685800" y="158433"/>
                  <a:pt x="685800" y="71755"/>
                </a:cubicBezTo>
                <a:cubicBezTo>
                  <a:pt x="685800" y="53340"/>
                  <a:pt x="670878" y="38100"/>
                  <a:pt x="652145" y="38100"/>
                </a:cubicBezTo>
                <a:cubicBezTo>
                  <a:pt x="652145" y="38100"/>
                  <a:pt x="652145" y="38100"/>
                  <a:pt x="72073" y="38100"/>
                </a:cubicBezTo>
                <a:close/>
                <a:moveTo>
                  <a:pt x="72073" y="0"/>
                </a:moveTo>
                <a:lnTo>
                  <a:pt x="73206" y="0"/>
                </a:lnTo>
                <a:lnTo>
                  <a:pt x="81136" y="0"/>
                </a:lnTo>
                <a:lnTo>
                  <a:pt x="102662" y="0"/>
                </a:lnTo>
                <a:lnTo>
                  <a:pt x="144582" y="0"/>
                </a:lnTo>
                <a:lnTo>
                  <a:pt x="175313" y="0"/>
                </a:lnTo>
                <a:lnTo>
                  <a:pt x="213692" y="0"/>
                </a:lnTo>
                <a:lnTo>
                  <a:pt x="260568" y="0"/>
                </a:lnTo>
                <a:lnTo>
                  <a:pt x="316791" y="0"/>
                </a:lnTo>
                <a:lnTo>
                  <a:pt x="383210" y="0"/>
                </a:lnTo>
                <a:lnTo>
                  <a:pt x="460676" y="0"/>
                </a:lnTo>
                <a:lnTo>
                  <a:pt x="550038" y="0"/>
                </a:lnTo>
                <a:lnTo>
                  <a:pt x="652145" y="0"/>
                </a:lnTo>
                <a:cubicBezTo>
                  <a:pt x="691833" y="0"/>
                  <a:pt x="723900" y="32385"/>
                  <a:pt x="723900" y="71755"/>
                </a:cubicBezTo>
                <a:lnTo>
                  <a:pt x="723900" y="73407"/>
                </a:lnTo>
                <a:lnTo>
                  <a:pt x="723900" y="84971"/>
                </a:lnTo>
                <a:lnTo>
                  <a:pt x="723900" y="116359"/>
                </a:lnTo>
                <a:lnTo>
                  <a:pt x="723900" y="142584"/>
                </a:lnTo>
                <a:lnTo>
                  <a:pt x="723900" y="177483"/>
                </a:lnTo>
                <a:lnTo>
                  <a:pt x="723900" y="178410"/>
                </a:lnTo>
                <a:lnTo>
                  <a:pt x="723900" y="184899"/>
                </a:lnTo>
                <a:lnTo>
                  <a:pt x="723900" y="202514"/>
                </a:lnTo>
                <a:lnTo>
                  <a:pt x="723900" y="236815"/>
                </a:lnTo>
                <a:lnTo>
                  <a:pt x="723900" y="293367"/>
                </a:lnTo>
                <a:lnTo>
                  <a:pt x="723900" y="331725"/>
                </a:lnTo>
                <a:lnTo>
                  <a:pt x="723900" y="377731"/>
                </a:lnTo>
                <a:lnTo>
                  <a:pt x="723900" y="432081"/>
                </a:lnTo>
                <a:lnTo>
                  <a:pt x="723900" y="495469"/>
                </a:lnTo>
                <a:lnTo>
                  <a:pt x="723900" y="568592"/>
                </a:lnTo>
                <a:lnTo>
                  <a:pt x="723900" y="652145"/>
                </a:lnTo>
                <a:cubicBezTo>
                  <a:pt x="723900" y="691833"/>
                  <a:pt x="691833" y="723900"/>
                  <a:pt x="652145" y="723900"/>
                </a:cubicBezTo>
                <a:lnTo>
                  <a:pt x="650498" y="723900"/>
                </a:lnTo>
                <a:lnTo>
                  <a:pt x="638969" y="723900"/>
                </a:lnTo>
                <a:lnTo>
                  <a:pt x="607675" y="723900"/>
                </a:lnTo>
                <a:lnTo>
                  <a:pt x="581529" y="723900"/>
                </a:lnTo>
                <a:lnTo>
                  <a:pt x="546735" y="723900"/>
                </a:lnTo>
                <a:cubicBezTo>
                  <a:pt x="536258" y="723900"/>
                  <a:pt x="527685" y="715328"/>
                  <a:pt x="527685" y="704850"/>
                </a:cubicBezTo>
                <a:cubicBezTo>
                  <a:pt x="527685" y="694373"/>
                  <a:pt x="536258" y="685800"/>
                  <a:pt x="546735" y="685800"/>
                </a:cubicBezTo>
                <a:cubicBezTo>
                  <a:pt x="546735" y="685800"/>
                  <a:pt x="546735" y="685800"/>
                  <a:pt x="652145" y="685800"/>
                </a:cubicBezTo>
                <a:cubicBezTo>
                  <a:pt x="670878" y="685800"/>
                  <a:pt x="685800" y="670878"/>
                  <a:pt x="685800" y="652145"/>
                </a:cubicBezTo>
                <a:cubicBezTo>
                  <a:pt x="685800" y="652145"/>
                  <a:pt x="685800" y="652145"/>
                  <a:pt x="685800" y="196533"/>
                </a:cubicBezTo>
                <a:cubicBezTo>
                  <a:pt x="685800" y="196533"/>
                  <a:pt x="685800" y="196533"/>
                  <a:pt x="38100" y="196533"/>
                </a:cubicBezTo>
                <a:cubicBezTo>
                  <a:pt x="38100" y="196533"/>
                  <a:pt x="38100" y="196533"/>
                  <a:pt x="38100" y="652145"/>
                </a:cubicBezTo>
                <a:cubicBezTo>
                  <a:pt x="38100" y="670878"/>
                  <a:pt x="53340" y="685800"/>
                  <a:pt x="72073" y="685800"/>
                </a:cubicBezTo>
                <a:cubicBezTo>
                  <a:pt x="72073" y="685800"/>
                  <a:pt x="72073" y="685800"/>
                  <a:pt x="177483" y="685800"/>
                </a:cubicBezTo>
                <a:cubicBezTo>
                  <a:pt x="187960" y="685800"/>
                  <a:pt x="196533" y="694373"/>
                  <a:pt x="196533" y="704850"/>
                </a:cubicBezTo>
                <a:cubicBezTo>
                  <a:pt x="196533" y="715328"/>
                  <a:pt x="187960" y="723900"/>
                  <a:pt x="177483" y="723900"/>
                </a:cubicBezTo>
                <a:lnTo>
                  <a:pt x="175836" y="723900"/>
                </a:lnTo>
                <a:lnTo>
                  <a:pt x="164306" y="723900"/>
                </a:lnTo>
                <a:lnTo>
                  <a:pt x="133013" y="723900"/>
                </a:lnTo>
                <a:lnTo>
                  <a:pt x="106866" y="723900"/>
                </a:lnTo>
                <a:lnTo>
                  <a:pt x="72073" y="723900"/>
                </a:lnTo>
                <a:cubicBezTo>
                  <a:pt x="32385" y="723900"/>
                  <a:pt x="0" y="691833"/>
                  <a:pt x="0" y="652145"/>
                </a:cubicBezTo>
                <a:lnTo>
                  <a:pt x="0" y="651012"/>
                </a:lnTo>
                <a:lnTo>
                  <a:pt x="0" y="643077"/>
                </a:lnTo>
                <a:lnTo>
                  <a:pt x="0" y="621539"/>
                </a:lnTo>
                <a:lnTo>
                  <a:pt x="0" y="579596"/>
                </a:lnTo>
                <a:lnTo>
                  <a:pt x="0" y="548848"/>
                </a:lnTo>
                <a:lnTo>
                  <a:pt x="0" y="510448"/>
                </a:lnTo>
                <a:lnTo>
                  <a:pt x="0" y="463547"/>
                </a:lnTo>
                <a:lnTo>
                  <a:pt x="0" y="407293"/>
                </a:lnTo>
                <a:lnTo>
                  <a:pt x="0" y="340837"/>
                </a:lnTo>
                <a:lnTo>
                  <a:pt x="0" y="263329"/>
                </a:lnTo>
                <a:lnTo>
                  <a:pt x="0" y="173919"/>
                </a:lnTo>
                <a:lnTo>
                  <a:pt x="0" y="71755"/>
                </a:lnTo>
                <a:cubicBezTo>
                  <a:pt x="0" y="32385"/>
                  <a:pt x="32385" y="0"/>
                  <a:pt x="72073" y="0"/>
                </a:cubicBezTo>
                <a:close/>
              </a:path>
            </a:pathLst>
          </a:custGeom>
          <a:solidFill>
            <a:srgbClr val="DE6E63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14" name="Frame 7 {PHJU}">
            <a:extLst>
              <a:ext uri="{FF2B5EF4-FFF2-40B4-BE49-F238E27FC236}">
                <a16:creationId xmlns:a16="http://schemas.microsoft.com/office/drawing/2014/main" id="{8DE885E5-0889-79CC-6010-4FB78131944E}"/>
              </a:ext>
            </a:extLst>
          </p:cNvPr>
          <p:cNvSpPr>
            <a:spLocks noGrp="1" noSelect="1"/>
          </p:cNvSpPr>
          <p:nvPr>
            <p:ph type="body" sz="quarter" idx="1007" hasCustomPrompt="1"/>
          </p:nvPr>
        </p:nvSpPr>
        <p:spPr>
          <a:xfrm>
            <a:off x="5819775" y="2017714"/>
            <a:ext cx="552450" cy="723900"/>
          </a:xfrm>
          <a:custGeom>
            <a:avLst/>
            <a:gdLst>
              <a:gd name="connsiteX0" fmla="*/ 276225 w 552450"/>
              <a:gd name="connsiteY0" fmla="*/ 409575 h 723900"/>
              <a:gd name="connsiteX1" fmla="*/ 38100 w 552450"/>
              <a:gd name="connsiteY1" fmla="*/ 647700 h 723900"/>
              <a:gd name="connsiteX2" fmla="*/ 38100 w 552450"/>
              <a:gd name="connsiteY2" fmla="*/ 685800 h 723900"/>
              <a:gd name="connsiteX3" fmla="*/ 514350 w 552450"/>
              <a:gd name="connsiteY3" fmla="*/ 685800 h 723900"/>
              <a:gd name="connsiteX4" fmla="*/ 514350 w 552450"/>
              <a:gd name="connsiteY4" fmla="*/ 647700 h 723900"/>
              <a:gd name="connsiteX5" fmla="*/ 276225 w 552450"/>
              <a:gd name="connsiteY5" fmla="*/ 409575 h 723900"/>
              <a:gd name="connsiteX6" fmla="*/ 276225 w 552450"/>
              <a:gd name="connsiteY6" fmla="*/ 371475 h 723900"/>
              <a:gd name="connsiteX7" fmla="*/ 552450 w 552450"/>
              <a:gd name="connsiteY7" fmla="*/ 647700 h 723900"/>
              <a:gd name="connsiteX8" fmla="*/ 552450 w 552450"/>
              <a:gd name="connsiteY8" fmla="*/ 648891 h 723900"/>
              <a:gd name="connsiteX9" fmla="*/ 552450 w 552450"/>
              <a:gd name="connsiteY9" fmla="*/ 657225 h 723900"/>
              <a:gd name="connsiteX10" fmla="*/ 552450 w 552450"/>
              <a:gd name="connsiteY10" fmla="*/ 679847 h 723900"/>
              <a:gd name="connsiteX11" fmla="*/ 552450 w 552450"/>
              <a:gd name="connsiteY11" fmla="*/ 723900 h 723900"/>
              <a:gd name="connsiteX12" fmla="*/ 551371 w 552450"/>
              <a:gd name="connsiteY12" fmla="*/ 723900 h 723900"/>
              <a:gd name="connsiteX13" fmla="*/ 543818 w 552450"/>
              <a:gd name="connsiteY13" fmla="*/ 723900 h 723900"/>
              <a:gd name="connsiteX14" fmla="*/ 523317 w 552450"/>
              <a:gd name="connsiteY14" fmla="*/ 723900 h 723900"/>
              <a:gd name="connsiteX15" fmla="*/ 483394 w 552450"/>
              <a:gd name="connsiteY15" fmla="*/ 723900 h 723900"/>
              <a:gd name="connsiteX16" fmla="*/ 454126 w 552450"/>
              <a:gd name="connsiteY16" fmla="*/ 723900 h 723900"/>
              <a:gd name="connsiteX17" fmla="*/ 417575 w 552450"/>
              <a:gd name="connsiteY17" fmla="*/ 723900 h 723900"/>
              <a:gd name="connsiteX18" fmla="*/ 372931 w 552450"/>
              <a:gd name="connsiteY18" fmla="*/ 723900 h 723900"/>
              <a:gd name="connsiteX19" fmla="*/ 319385 w 552450"/>
              <a:gd name="connsiteY19" fmla="*/ 723900 h 723900"/>
              <a:gd name="connsiteX20" fmla="*/ 256129 w 552450"/>
              <a:gd name="connsiteY20" fmla="*/ 723900 h 723900"/>
              <a:gd name="connsiteX21" fmla="*/ 182352 w 552450"/>
              <a:gd name="connsiteY21" fmla="*/ 723900 h 723900"/>
              <a:gd name="connsiteX22" fmla="*/ 97245 w 552450"/>
              <a:gd name="connsiteY22" fmla="*/ 723900 h 723900"/>
              <a:gd name="connsiteX23" fmla="*/ 0 w 552450"/>
              <a:gd name="connsiteY23" fmla="*/ 723900 h 723900"/>
              <a:gd name="connsiteX24" fmla="*/ 0 w 552450"/>
              <a:gd name="connsiteY24" fmla="*/ 722710 h 723900"/>
              <a:gd name="connsiteX25" fmla="*/ 0 w 552450"/>
              <a:gd name="connsiteY25" fmla="*/ 714375 h 723900"/>
              <a:gd name="connsiteX26" fmla="*/ 0 w 552450"/>
              <a:gd name="connsiteY26" fmla="*/ 691753 h 723900"/>
              <a:gd name="connsiteX27" fmla="*/ 0 w 552450"/>
              <a:gd name="connsiteY27" fmla="*/ 647700 h 723900"/>
              <a:gd name="connsiteX28" fmla="*/ 276225 w 552450"/>
              <a:gd name="connsiteY28" fmla="*/ 371475 h 723900"/>
              <a:gd name="connsiteX29" fmla="*/ 276225 w 552450"/>
              <a:gd name="connsiteY29" fmla="*/ 38100 h 723900"/>
              <a:gd name="connsiteX30" fmla="*/ 166688 w 552450"/>
              <a:gd name="connsiteY30" fmla="*/ 147638 h 723900"/>
              <a:gd name="connsiteX31" fmla="*/ 276225 w 552450"/>
              <a:gd name="connsiteY31" fmla="*/ 257175 h 723900"/>
              <a:gd name="connsiteX32" fmla="*/ 385763 w 552450"/>
              <a:gd name="connsiteY32" fmla="*/ 147638 h 723900"/>
              <a:gd name="connsiteX33" fmla="*/ 276225 w 552450"/>
              <a:gd name="connsiteY33" fmla="*/ 38100 h 723900"/>
              <a:gd name="connsiteX34" fmla="*/ 276225 w 552450"/>
              <a:gd name="connsiteY34" fmla="*/ 0 h 723900"/>
              <a:gd name="connsiteX35" fmla="*/ 423863 w 552450"/>
              <a:gd name="connsiteY35" fmla="*/ 147638 h 723900"/>
              <a:gd name="connsiteX36" fmla="*/ 276225 w 552450"/>
              <a:gd name="connsiteY36" fmla="*/ 295275 h 723900"/>
              <a:gd name="connsiteX37" fmla="*/ 128588 w 552450"/>
              <a:gd name="connsiteY37" fmla="*/ 147638 h 723900"/>
              <a:gd name="connsiteX38" fmla="*/ 276225 w 552450"/>
              <a:gd name="connsiteY38" fmla="*/ 0 h 7239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</a:cxnLst>
            <a:rect l="l" t="t" r="r" b="b"/>
            <a:pathLst>
              <a:path w="552450" h="723900">
                <a:moveTo>
                  <a:pt x="276225" y="409575"/>
                </a:moveTo>
                <a:cubicBezTo>
                  <a:pt x="145098" y="409575"/>
                  <a:pt x="38100" y="516573"/>
                  <a:pt x="38100" y="647700"/>
                </a:cubicBezTo>
                <a:cubicBezTo>
                  <a:pt x="38100" y="647700"/>
                  <a:pt x="38100" y="647700"/>
                  <a:pt x="38100" y="685800"/>
                </a:cubicBezTo>
                <a:cubicBezTo>
                  <a:pt x="38100" y="685800"/>
                  <a:pt x="38100" y="685800"/>
                  <a:pt x="514350" y="685800"/>
                </a:cubicBezTo>
                <a:lnTo>
                  <a:pt x="514350" y="647700"/>
                </a:lnTo>
                <a:cubicBezTo>
                  <a:pt x="514350" y="516573"/>
                  <a:pt x="407670" y="409575"/>
                  <a:pt x="276225" y="409575"/>
                </a:cubicBezTo>
                <a:close/>
                <a:moveTo>
                  <a:pt x="276225" y="371475"/>
                </a:moveTo>
                <a:cubicBezTo>
                  <a:pt x="428625" y="371475"/>
                  <a:pt x="552450" y="495618"/>
                  <a:pt x="552450" y="647700"/>
                </a:cubicBezTo>
                <a:lnTo>
                  <a:pt x="552450" y="648891"/>
                </a:lnTo>
                <a:lnTo>
                  <a:pt x="552450" y="657225"/>
                </a:lnTo>
                <a:lnTo>
                  <a:pt x="552450" y="679847"/>
                </a:lnTo>
                <a:lnTo>
                  <a:pt x="552450" y="723900"/>
                </a:lnTo>
                <a:lnTo>
                  <a:pt x="551371" y="723900"/>
                </a:lnTo>
                <a:lnTo>
                  <a:pt x="543818" y="723900"/>
                </a:lnTo>
                <a:lnTo>
                  <a:pt x="523317" y="723900"/>
                </a:lnTo>
                <a:lnTo>
                  <a:pt x="483394" y="723900"/>
                </a:lnTo>
                <a:lnTo>
                  <a:pt x="454126" y="723900"/>
                </a:lnTo>
                <a:lnTo>
                  <a:pt x="417575" y="723900"/>
                </a:lnTo>
                <a:lnTo>
                  <a:pt x="372931" y="723900"/>
                </a:lnTo>
                <a:lnTo>
                  <a:pt x="319385" y="723900"/>
                </a:lnTo>
                <a:lnTo>
                  <a:pt x="256129" y="723900"/>
                </a:lnTo>
                <a:lnTo>
                  <a:pt x="182352" y="723900"/>
                </a:lnTo>
                <a:lnTo>
                  <a:pt x="97245" y="723900"/>
                </a:lnTo>
                <a:lnTo>
                  <a:pt x="0" y="723900"/>
                </a:lnTo>
                <a:lnTo>
                  <a:pt x="0" y="722710"/>
                </a:lnTo>
                <a:lnTo>
                  <a:pt x="0" y="714375"/>
                </a:lnTo>
                <a:lnTo>
                  <a:pt x="0" y="691753"/>
                </a:lnTo>
                <a:lnTo>
                  <a:pt x="0" y="647700"/>
                </a:lnTo>
                <a:cubicBezTo>
                  <a:pt x="0" y="495618"/>
                  <a:pt x="124143" y="371475"/>
                  <a:pt x="276225" y="371475"/>
                </a:cubicBezTo>
                <a:close/>
                <a:moveTo>
                  <a:pt x="276225" y="38100"/>
                </a:moveTo>
                <a:cubicBezTo>
                  <a:pt x="215900" y="38100"/>
                  <a:pt x="166688" y="87313"/>
                  <a:pt x="166688" y="147638"/>
                </a:cubicBezTo>
                <a:cubicBezTo>
                  <a:pt x="166688" y="208280"/>
                  <a:pt x="215900" y="257175"/>
                  <a:pt x="276225" y="257175"/>
                </a:cubicBezTo>
                <a:cubicBezTo>
                  <a:pt x="336550" y="257175"/>
                  <a:pt x="385763" y="208280"/>
                  <a:pt x="385763" y="147638"/>
                </a:cubicBezTo>
                <a:cubicBezTo>
                  <a:pt x="385763" y="87313"/>
                  <a:pt x="336550" y="38100"/>
                  <a:pt x="276225" y="38100"/>
                </a:cubicBezTo>
                <a:close/>
                <a:moveTo>
                  <a:pt x="276225" y="0"/>
                </a:moveTo>
                <a:cubicBezTo>
                  <a:pt x="357823" y="0"/>
                  <a:pt x="423863" y="66358"/>
                  <a:pt x="423863" y="147638"/>
                </a:cubicBezTo>
                <a:cubicBezTo>
                  <a:pt x="423863" y="229235"/>
                  <a:pt x="357823" y="295275"/>
                  <a:pt x="276225" y="295275"/>
                </a:cubicBezTo>
                <a:cubicBezTo>
                  <a:pt x="194945" y="295275"/>
                  <a:pt x="128588" y="229235"/>
                  <a:pt x="128588" y="147638"/>
                </a:cubicBezTo>
                <a:cubicBezTo>
                  <a:pt x="128588" y="66358"/>
                  <a:pt x="194945" y="0"/>
                  <a:pt x="276225" y="0"/>
                </a:cubicBezTo>
                <a:close/>
              </a:path>
            </a:pathLst>
          </a:custGeom>
          <a:solidFill>
            <a:srgbClr val="DE6E63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410988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[Picture, title and text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1">
            <a:extLst>
              <a:ext uri="{FF2B5EF4-FFF2-40B4-BE49-F238E27FC236}">
                <a16:creationId xmlns:a16="http://schemas.microsoft.com/office/drawing/2014/main" id="{5589B215-8683-20D3-75DE-77FA19712A01}"/>
              </a:ext>
            </a:extLst>
          </p:cNvPr>
          <p:cNvSpPr>
            <a:spLocks noSelect="1"/>
          </p:cNvSpPr>
          <p:nvPr userDrawn="1"/>
        </p:nvSpPr>
        <p:spPr bwMode="invGray">
          <a:xfrm>
            <a:off x="0" y="0"/>
            <a:ext cx="6096000" cy="6858000"/>
          </a:xfrm>
          <a:prstGeom prst="rect">
            <a:avLst/>
          </a:prstGeom>
          <a:solidFill>
            <a:srgbClr val="0800F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Title 2"/>
          <p:cNvSpPr>
            <a:spLocks noGrp="1" noSelect="1"/>
          </p:cNvSpPr>
          <p:nvPr>
            <p:ph type="title" hasCustomPrompt="1"/>
          </p:nvPr>
        </p:nvSpPr>
        <p:spPr>
          <a:xfrm>
            <a:off x="7144612" y="2669253"/>
            <a:ext cx="3981259" cy="408287"/>
          </a:xfrm>
        </p:spPr>
        <p:txBody>
          <a:bodyPr/>
          <a:lstStyle>
            <a:lvl1pPr>
              <a:defRPr>
                <a:solidFill>
                  <a:srgbClr val="0800FE"/>
                </a:solidFill>
              </a:defRPr>
            </a:lvl1pPr>
          </a:lstStyle>
          <a:p>
            <a:r>
              <a:rPr lang="en-GB" dirty="0"/>
              <a:t>[Title]</a:t>
            </a:r>
          </a:p>
        </p:txBody>
      </p:sp>
      <p:sp>
        <p:nvSpPr>
          <p:cNvPr id="4" name="Frame 3 {PHJU}">
            <a:extLst>
              <a:ext uri="{FF2B5EF4-FFF2-40B4-BE49-F238E27FC236}">
                <a16:creationId xmlns:a16="http://schemas.microsoft.com/office/drawing/2014/main" id="{EF639282-3A91-3F18-FC7B-463246180278}"/>
              </a:ext>
            </a:extLst>
          </p:cNvPr>
          <p:cNvSpPr>
            <a:spLocks noGrp="1" noSelect="1"/>
          </p:cNvSpPr>
          <p:nvPr>
            <p:ph type="body" sz="quarter" idx="16" hasCustomPrompt="1"/>
          </p:nvPr>
        </p:nvSpPr>
        <p:spPr>
          <a:xfrm>
            <a:off x="7140584" y="2016128"/>
            <a:ext cx="382588" cy="519112"/>
          </a:xfrm>
          <a:custGeom>
            <a:avLst/>
            <a:gdLst>
              <a:gd name="connsiteX0" fmla="*/ 184785 w 382588"/>
              <a:gd name="connsiteY0" fmla="*/ 342163 h 519112"/>
              <a:gd name="connsiteX1" fmla="*/ 191453 w 382588"/>
              <a:gd name="connsiteY1" fmla="*/ 342163 h 519112"/>
              <a:gd name="connsiteX2" fmla="*/ 200026 w 382588"/>
              <a:gd name="connsiteY2" fmla="*/ 350725 h 519112"/>
              <a:gd name="connsiteX3" fmla="*/ 191453 w 382588"/>
              <a:gd name="connsiteY3" fmla="*/ 359287 h 519112"/>
              <a:gd name="connsiteX4" fmla="*/ 184785 w 382588"/>
              <a:gd name="connsiteY4" fmla="*/ 359287 h 519112"/>
              <a:gd name="connsiteX5" fmla="*/ 176213 w 382588"/>
              <a:gd name="connsiteY5" fmla="*/ 350725 h 519112"/>
              <a:gd name="connsiteX6" fmla="*/ 184785 w 382588"/>
              <a:gd name="connsiteY6" fmla="*/ 342163 h 519112"/>
              <a:gd name="connsiteX7" fmla="*/ 100013 w 382588"/>
              <a:gd name="connsiteY7" fmla="*/ 342163 h 519112"/>
              <a:gd name="connsiteX8" fmla="*/ 142558 w 382588"/>
              <a:gd name="connsiteY8" fmla="*/ 342163 h 519112"/>
              <a:gd name="connsiteX9" fmla="*/ 151130 w 382588"/>
              <a:gd name="connsiteY9" fmla="*/ 350725 h 519112"/>
              <a:gd name="connsiteX10" fmla="*/ 142558 w 382588"/>
              <a:gd name="connsiteY10" fmla="*/ 359287 h 519112"/>
              <a:gd name="connsiteX11" fmla="*/ 100013 w 382588"/>
              <a:gd name="connsiteY11" fmla="*/ 359287 h 519112"/>
              <a:gd name="connsiteX12" fmla="*/ 91440 w 382588"/>
              <a:gd name="connsiteY12" fmla="*/ 350725 h 519112"/>
              <a:gd name="connsiteX13" fmla="*/ 100013 w 382588"/>
              <a:gd name="connsiteY13" fmla="*/ 342163 h 519112"/>
              <a:gd name="connsiteX14" fmla="*/ 74295 w 382588"/>
              <a:gd name="connsiteY14" fmla="*/ 211196 h 519112"/>
              <a:gd name="connsiteX15" fmla="*/ 308611 w 382588"/>
              <a:gd name="connsiteY15" fmla="*/ 211196 h 519112"/>
              <a:gd name="connsiteX16" fmla="*/ 308611 w 382588"/>
              <a:gd name="connsiteY16" fmla="*/ 262568 h 519112"/>
              <a:gd name="connsiteX17" fmla="*/ 74295 w 382588"/>
              <a:gd name="connsiteY17" fmla="*/ 262568 h 519112"/>
              <a:gd name="connsiteX18" fmla="*/ 243523 w 382588"/>
              <a:gd name="connsiteY18" fmla="*/ 114160 h 519112"/>
              <a:gd name="connsiteX19" fmla="*/ 279401 w 382588"/>
              <a:gd name="connsiteY19" fmla="*/ 114160 h 519112"/>
              <a:gd name="connsiteX20" fmla="*/ 287973 w 382588"/>
              <a:gd name="connsiteY20" fmla="*/ 122722 h 519112"/>
              <a:gd name="connsiteX21" fmla="*/ 279401 w 382588"/>
              <a:gd name="connsiteY21" fmla="*/ 131284 h 519112"/>
              <a:gd name="connsiteX22" fmla="*/ 243523 w 382588"/>
              <a:gd name="connsiteY22" fmla="*/ 131284 h 519112"/>
              <a:gd name="connsiteX23" fmla="*/ 234951 w 382588"/>
              <a:gd name="connsiteY23" fmla="*/ 122722 h 519112"/>
              <a:gd name="connsiteX24" fmla="*/ 243523 w 382588"/>
              <a:gd name="connsiteY24" fmla="*/ 114160 h 519112"/>
              <a:gd name="connsiteX25" fmla="*/ 171768 w 382588"/>
              <a:gd name="connsiteY25" fmla="*/ 114160 h 519112"/>
              <a:gd name="connsiteX26" fmla="*/ 207646 w 382588"/>
              <a:gd name="connsiteY26" fmla="*/ 114160 h 519112"/>
              <a:gd name="connsiteX27" fmla="*/ 216218 w 382588"/>
              <a:gd name="connsiteY27" fmla="*/ 122722 h 519112"/>
              <a:gd name="connsiteX28" fmla="*/ 207646 w 382588"/>
              <a:gd name="connsiteY28" fmla="*/ 131284 h 519112"/>
              <a:gd name="connsiteX29" fmla="*/ 171768 w 382588"/>
              <a:gd name="connsiteY29" fmla="*/ 131284 h 519112"/>
              <a:gd name="connsiteX30" fmla="*/ 163195 w 382588"/>
              <a:gd name="connsiteY30" fmla="*/ 122722 h 519112"/>
              <a:gd name="connsiteX31" fmla="*/ 171768 w 382588"/>
              <a:gd name="connsiteY31" fmla="*/ 114160 h 519112"/>
              <a:gd name="connsiteX32" fmla="*/ 100013 w 382588"/>
              <a:gd name="connsiteY32" fmla="*/ 114160 h 519112"/>
              <a:gd name="connsiteX33" fmla="*/ 135890 w 382588"/>
              <a:gd name="connsiteY33" fmla="*/ 114160 h 519112"/>
              <a:gd name="connsiteX34" fmla="*/ 144463 w 382588"/>
              <a:gd name="connsiteY34" fmla="*/ 122722 h 519112"/>
              <a:gd name="connsiteX35" fmla="*/ 135890 w 382588"/>
              <a:gd name="connsiteY35" fmla="*/ 131284 h 519112"/>
              <a:gd name="connsiteX36" fmla="*/ 100013 w 382588"/>
              <a:gd name="connsiteY36" fmla="*/ 131284 h 519112"/>
              <a:gd name="connsiteX37" fmla="*/ 91440 w 382588"/>
              <a:gd name="connsiteY37" fmla="*/ 122722 h 519112"/>
              <a:gd name="connsiteX38" fmla="*/ 100013 w 382588"/>
              <a:gd name="connsiteY38" fmla="*/ 114160 h 519112"/>
              <a:gd name="connsiteX39" fmla="*/ 54293 w 382588"/>
              <a:gd name="connsiteY39" fmla="*/ 17123 h 519112"/>
              <a:gd name="connsiteX40" fmla="*/ 17145 w 382588"/>
              <a:gd name="connsiteY40" fmla="*/ 54225 h 519112"/>
              <a:gd name="connsiteX41" fmla="*/ 17145 w 382588"/>
              <a:gd name="connsiteY41" fmla="*/ 464886 h 519112"/>
              <a:gd name="connsiteX42" fmla="*/ 54293 w 382588"/>
              <a:gd name="connsiteY42" fmla="*/ 501988 h 519112"/>
              <a:gd name="connsiteX43" fmla="*/ 328613 w 382588"/>
              <a:gd name="connsiteY43" fmla="*/ 501988 h 519112"/>
              <a:gd name="connsiteX44" fmla="*/ 365443 w 382588"/>
              <a:gd name="connsiteY44" fmla="*/ 464886 h 519112"/>
              <a:gd name="connsiteX45" fmla="*/ 365443 w 382588"/>
              <a:gd name="connsiteY45" fmla="*/ 54225 h 519112"/>
              <a:gd name="connsiteX46" fmla="*/ 328613 w 382588"/>
              <a:gd name="connsiteY46" fmla="*/ 17123 h 519112"/>
              <a:gd name="connsiteX47" fmla="*/ 54293 w 382588"/>
              <a:gd name="connsiteY47" fmla="*/ 17123 h 519112"/>
              <a:gd name="connsiteX48" fmla="*/ 54290 w 382588"/>
              <a:gd name="connsiteY48" fmla="*/ 0 h 519112"/>
              <a:gd name="connsiteX49" fmla="*/ 328616 w 382588"/>
              <a:gd name="connsiteY49" fmla="*/ 0 h 519112"/>
              <a:gd name="connsiteX50" fmla="*/ 366793 w 382588"/>
              <a:gd name="connsiteY50" fmla="*/ 15934 h 519112"/>
              <a:gd name="connsiteX51" fmla="*/ 382588 w 382588"/>
              <a:gd name="connsiteY51" fmla="*/ 54225 h 519112"/>
              <a:gd name="connsiteX52" fmla="*/ 382588 w 382588"/>
              <a:gd name="connsiteY52" fmla="*/ 60642 h 519112"/>
              <a:gd name="connsiteX53" fmla="*/ 382588 w 382588"/>
              <a:gd name="connsiteY53" fmla="*/ 75881 h 519112"/>
              <a:gd name="connsiteX54" fmla="*/ 382588 w 382588"/>
              <a:gd name="connsiteY54" fmla="*/ 105558 h 519112"/>
              <a:gd name="connsiteX55" fmla="*/ 382588 w 382588"/>
              <a:gd name="connsiteY55" fmla="*/ 154484 h 519112"/>
              <a:gd name="connsiteX56" fmla="*/ 382588 w 382588"/>
              <a:gd name="connsiteY56" fmla="*/ 227473 h 519112"/>
              <a:gd name="connsiteX57" fmla="*/ 382588 w 382588"/>
              <a:gd name="connsiteY57" fmla="*/ 329336 h 519112"/>
              <a:gd name="connsiteX58" fmla="*/ 382588 w 382588"/>
              <a:gd name="connsiteY58" fmla="*/ 464886 h 519112"/>
              <a:gd name="connsiteX59" fmla="*/ 328613 w 382588"/>
              <a:gd name="connsiteY59" fmla="*/ 519112 h 519112"/>
              <a:gd name="connsiteX60" fmla="*/ 54293 w 382588"/>
              <a:gd name="connsiteY60" fmla="*/ 519112 h 519112"/>
              <a:gd name="connsiteX61" fmla="*/ 0 w 382588"/>
              <a:gd name="connsiteY61" fmla="*/ 464886 h 519112"/>
              <a:gd name="connsiteX62" fmla="*/ 0 w 382588"/>
              <a:gd name="connsiteY62" fmla="*/ 458469 h 519112"/>
              <a:gd name="connsiteX63" fmla="*/ 0 w 382588"/>
              <a:gd name="connsiteY63" fmla="*/ 443230 h 519112"/>
              <a:gd name="connsiteX64" fmla="*/ 0 w 382588"/>
              <a:gd name="connsiteY64" fmla="*/ 413553 h 519112"/>
              <a:gd name="connsiteX65" fmla="*/ 0 w 382588"/>
              <a:gd name="connsiteY65" fmla="*/ 364627 h 519112"/>
              <a:gd name="connsiteX66" fmla="*/ 0 w 382588"/>
              <a:gd name="connsiteY66" fmla="*/ 291638 h 519112"/>
              <a:gd name="connsiteX67" fmla="*/ 0 w 382588"/>
              <a:gd name="connsiteY67" fmla="*/ 189775 h 519112"/>
              <a:gd name="connsiteX68" fmla="*/ 0 w 382588"/>
              <a:gd name="connsiteY68" fmla="*/ 54225 h 519112"/>
              <a:gd name="connsiteX69" fmla="*/ 15955 w 382588"/>
              <a:gd name="connsiteY69" fmla="*/ 15934 h 51911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</a:cxnLst>
            <a:rect l="l" t="t" r="r" b="b"/>
            <a:pathLst>
              <a:path w="382588" h="519112">
                <a:moveTo>
                  <a:pt x="184785" y="342163"/>
                </a:moveTo>
                <a:cubicBezTo>
                  <a:pt x="191453" y="342163"/>
                  <a:pt x="191453" y="342163"/>
                  <a:pt x="191453" y="342163"/>
                </a:cubicBezTo>
                <a:cubicBezTo>
                  <a:pt x="196215" y="342163"/>
                  <a:pt x="200026" y="346286"/>
                  <a:pt x="200026" y="350725"/>
                </a:cubicBezTo>
                <a:cubicBezTo>
                  <a:pt x="200026" y="355482"/>
                  <a:pt x="196215" y="359287"/>
                  <a:pt x="191453" y="359287"/>
                </a:cubicBezTo>
                <a:cubicBezTo>
                  <a:pt x="184785" y="359287"/>
                  <a:pt x="184785" y="359287"/>
                  <a:pt x="184785" y="359287"/>
                </a:cubicBezTo>
                <a:cubicBezTo>
                  <a:pt x="180023" y="359287"/>
                  <a:pt x="176213" y="355482"/>
                  <a:pt x="176213" y="350725"/>
                </a:cubicBezTo>
                <a:cubicBezTo>
                  <a:pt x="176213" y="346286"/>
                  <a:pt x="180023" y="342163"/>
                  <a:pt x="184785" y="342163"/>
                </a:cubicBezTo>
                <a:close/>
                <a:moveTo>
                  <a:pt x="100013" y="342163"/>
                </a:moveTo>
                <a:cubicBezTo>
                  <a:pt x="142558" y="342163"/>
                  <a:pt x="142558" y="342163"/>
                  <a:pt x="142558" y="342163"/>
                </a:cubicBezTo>
                <a:cubicBezTo>
                  <a:pt x="147320" y="342163"/>
                  <a:pt x="151130" y="346286"/>
                  <a:pt x="151130" y="350725"/>
                </a:cubicBezTo>
                <a:cubicBezTo>
                  <a:pt x="151130" y="355482"/>
                  <a:pt x="147320" y="359287"/>
                  <a:pt x="142558" y="359287"/>
                </a:cubicBezTo>
                <a:cubicBezTo>
                  <a:pt x="100013" y="359287"/>
                  <a:pt x="100013" y="359287"/>
                  <a:pt x="100013" y="359287"/>
                </a:cubicBezTo>
                <a:cubicBezTo>
                  <a:pt x="95250" y="359287"/>
                  <a:pt x="91440" y="355482"/>
                  <a:pt x="91440" y="350725"/>
                </a:cubicBezTo>
                <a:cubicBezTo>
                  <a:pt x="91440" y="346286"/>
                  <a:pt x="95250" y="342163"/>
                  <a:pt x="100013" y="342163"/>
                </a:cubicBezTo>
                <a:close/>
                <a:moveTo>
                  <a:pt x="74295" y="211196"/>
                </a:moveTo>
                <a:cubicBezTo>
                  <a:pt x="308611" y="211196"/>
                  <a:pt x="308611" y="211196"/>
                  <a:pt x="308611" y="211196"/>
                </a:cubicBezTo>
                <a:cubicBezTo>
                  <a:pt x="308611" y="262568"/>
                  <a:pt x="308611" y="262568"/>
                  <a:pt x="308611" y="262568"/>
                </a:cubicBezTo>
                <a:cubicBezTo>
                  <a:pt x="74295" y="262568"/>
                  <a:pt x="74295" y="262568"/>
                  <a:pt x="74295" y="262568"/>
                </a:cubicBezTo>
                <a:close/>
                <a:moveTo>
                  <a:pt x="243523" y="114160"/>
                </a:moveTo>
                <a:cubicBezTo>
                  <a:pt x="279401" y="114160"/>
                  <a:pt x="279401" y="114160"/>
                  <a:pt x="279401" y="114160"/>
                </a:cubicBezTo>
                <a:cubicBezTo>
                  <a:pt x="284163" y="114160"/>
                  <a:pt x="287973" y="117965"/>
                  <a:pt x="287973" y="122722"/>
                </a:cubicBezTo>
                <a:cubicBezTo>
                  <a:pt x="287973" y="127478"/>
                  <a:pt x="284163" y="131284"/>
                  <a:pt x="279401" y="131284"/>
                </a:cubicBezTo>
                <a:cubicBezTo>
                  <a:pt x="243523" y="131284"/>
                  <a:pt x="243523" y="131284"/>
                  <a:pt x="243523" y="131284"/>
                </a:cubicBezTo>
                <a:cubicBezTo>
                  <a:pt x="238761" y="131284"/>
                  <a:pt x="234951" y="127478"/>
                  <a:pt x="234951" y="122722"/>
                </a:cubicBezTo>
                <a:cubicBezTo>
                  <a:pt x="234951" y="117965"/>
                  <a:pt x="238761" y="114160"/>
                  <a:pt x="243523" y="114160"/>
                </a:cubicBezTo>
                <a:close/>
                <a:moveTo>
                  <a:pt x="171768" y="114160"/>
                </a:moveTo>
                <a:cubicBezTo>
                  <a:pt x="207646" y="114160"/>
                  <a:pt x="207646" y="114160"/>
                  <a:pt x="207646" y="114160"/>
                </a:cubicBezTo>
                <a:cubicBezTo>
                  <a:pt x="212408" y="114160"/>
                  <a:pt x="216218" y="117965"/>
                  <a:pt x="216218" y="122722"/>
                </a:cubicBezTo>
                <a:cubicBezTo>
                  <a:pt x="216218" y="127478"/>
                  <a:pt x="212408" y="131284"/>
                  <a:pt x="207646" y="131284"/>
                </a:cubicBezTo>
                <a:cubicBezTo>
                  <a:pt x="171768" y="131284"/>
                  <a:pt x="171768" y="131284"/>
                  <a:pt x="171768" y="131284"/>
                </a:cubicBezTo>
                <a:cubicBezTo>
                  <a:pt x="167005" y="131284"/>
                  <a:pt x="163195" y="127478"/>
                  <a:pt x="163195" y="122722"/>
                </a:cubicBezTo>
                <a:cubicBezTo>
                  <a:pt x="163195" y="117965"/>
                  <a:pt x="167005" y="114160"/>
                  <a:pt x="171768" y="114160"/>
                </a:cubicBezTo>
                <a:close/>
                <a:moveTo>
                  <a:pt x="100013" y="114160"/>
                </a:moveTo>
                <a:cubicBezTo>
                  <a:pt x="135890" y="114160"/>
                  <a:pt x="135890" y="114160"/>
                  <a:pt x="135890" y="114160"/>
                </a:cubicBezTo>
                <a:cubicBezTo>
                  <a:pt x="140653" y="114160"/>
                  <a:pt x="144463" y="117965"/>
                  <a:pt x="144463" y="122722"/>
                </a:cubicBezTo>
                <a:cubicBezTo>
                  <a:pt x="144463" y="127478"/>
                  <a:pt x="140653" y="131284"/>
                  <a:pt x="135890" y="131284"/>
                </a:cubicBezTo>
                <a:cubicBezTo>
                  <a:pt x="100013" y="131284"/>
                  <a:pt x="100013" y="131284"/>
                  <a:pt x="100013" y="131284"/>
                </a:cubicBezTo>
                <a:cubicBezTo>
                  <a:pt x="95250" y="131284"/>
                  <a:pt x="91440" y="127478"/>
                  <a:pt x="91440" y="122722"/>
                </a:cubicBezTo>
                <a:cubicBezTo>
                  <a:pt x="91440" y="117965"/>
                  <a:pt x="95250" y="114160"/>
                  <a:pt x="100013" y="114160"/>
                </a:cubicBezTo>
                <a:close/>
                <a:moveTo>
                  <a:pt x="54293" y="17123"/>
                </a:moveTo>
                <a:cubicBezTo>
                  <a:pt x="33973" y="17123"/>
                  <a:pt x="17145" y="33930"/>
                  <a:pt x="17145" y="54225"/>
                </a:cubicBezTo>
                <a:cubicBezTo>
                  <a:pt x="17145" y="54225"/>
                  <a:pt x="17145" y="54225"/>
                  <a:pt x="17145" y="464886"/>
                </a:cubicBezTo>
                <a:cubicBezTo>
                  <a:pt x="17145" y="485498"/>
                  <a:pt x="33973" y="501988"/>
                  <a:pt x="54293" y="501988"/>
                </a:cubicBezTo>
                <a:cubicBezTo>
                  <a:pt x="54293" y="501988"/>
                  <a:pt x="54293" y="501988"/>
                  <a:pt x="328613" y="501988"/>
                </a:cubicBezTo>
                <a:cubicBezTo>
                  <a:pt x="348933" y="501988"/>
                  <a:pt x="365443" y="485498"/>
                  <a:pt x="365443" y="464886"/>
                </a:cubicBezTo>
                <a:lnTo>
                  <a:pt x="365443" y="54225"/>
                </a:lnTo>
                <a:cubicBezTo>
                  <a:pt x="365443" y="33930"/>
                  <a:pt x="348933" y="17123"/>
                  <a:pt x="328613" y="17123"/>
                </a:cubicBezTo>
                <a:cubicBezTo>
                  <a:pt x="328613" y="17123"/>
                  <a:pt x="328613" y="17123"/>
                  <a:pt x="54293" y="17123"/>
                </a:cubicBezTo>
                <a:close/>
                <a:moveTo>
                  <a:pt x="54290" y="0"/>
                </a:moveTo>
                <a:lnTo>
                  <a:pt x="328616" y="0"/>
                </a:lnTo>
                <a:lnTo>
                  <a:pt x="366793" y="15934"/>
                </a:lnTo>
                <a:cubicBezTo>
                  <a:pt x="376556" y="25764"/>
                  <a:pt x="382588" y="39321"/>
                  <a:pt x="382588" y="54225"/>
                </a:cubicBezTo>
                <a:lnTo>
                  <a:pt x="382588" y="60642"/>
                </a:lnTo>
                <a:lnTo>
                  <a:pt x="382588" y="75881"/>
                </a:lnTo>
                <a:lnTo>
                  <a:pt x="382588" y="105558"/>
                </a:lnTo>
                <a:lnTo>
                  <a:pt x="382588" y="154484"/>
                </a:lnTo>
                <a:lnTo>
                  <a:pt x="382588" y="227473"/>
                </a:lnTo>
                <a:lnTo>
                  <a:pt x="382588" y="329336"/>
                </a:lnTo>
                <a:lnTo>
                  <a:pt x="382588" y="464886"/>
                </a:lnTo>
                <a:cubicBezTo>
                  <a:pt x="382588" y="494694"/>
                  <a:pt x="358458" y="519112"/>
                  <a:pt x="328613" y="519112"/>
                </a:cubicBezTo>
                <a:cubicBezTo>
                  <a:pt x="328613" y="519112"/>
                  <a:pt x="328613" y="519112"/>
                  <a:pt x="54293" y="519112"/>
                </a:cubicBezTo>
                <a:cubicBezTo>
                  <a:pt x="24448" y="519112"/>
                  <a:pt x="0" y="494694"/>
                  <a:pt x="0" y="464886"/>
                </a:cubicBezTo>
                <a:lnTo>
                  <a:pt x="0" y="458469"/>
                </a:lnTo>
                <a:lnTo>
                  <a:pt x="0" y="443230"/>
                </a:lnTo>
                <a:lnTo>
                  <a:pt x="0" y="413553"/>
                </a:lnTo>
                <a:lnTo>
                  <a:pt x="0" y="364627"/>
                </a:lnTo>
                <a:lnTo>
                  <a:pt x="0" y="291638"/>
                </a:lnTo>
                <a:lnTo>
                  <a:pt x="0" y="189775"/>
                </a:lnTo>
                <a:lnTo>
                  <a:pt x="0" y="54225"/>
                </a:lnTo>
                <a:cubicBezTo>
                  <a:pt x="0" y="39321"/>
                  <a:pt x="6112" y="25764"/>
                  <a:pt x="15955" y="15934"/>
                </a:cubicBezTo>
                <a:close/>
              </a:path>
            </a:pathLst>
          </a:custGeom>
          <a:solidFill>
            <a:srgbClr val="0E00F5"/>
          </a:solidFill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330">
                <a:latin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3pPr>
            <a:lvl4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4pPr>
            <a:lvl5pPr marL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1400"/>
            </a:lvl5pPr>
          </a:lstStyle>
          <a:p>
            <a:pPr lvl="0"/>
            <a:r>
              <a:rPr lang="en-GB"/>
              <a:t> </a:t>
            </a:r>
            <a:endParaRPr lang="en-GB" dirty="0"/>
          </a:p>
        </p:txBody>
      </p:sp>
      <p:sp>
        <p:nvSpPr>
          <p:cNvPr id="19" name="Frame 4">
            <a:extLst>
              <a:ext uri="{FF2B5EF4-FFF2-40B4-BE49-F238E27FC236}">
                <a16:creationId xmlns:a16="http://schemas.microsoft.com/office/drawing/2014/main" id="{C3D4048C-D932-31A9-4C13-94FCFDB0BBC5}"/>
              </a:ext>
            </a:extLst>
          </p:cNvPr>
          <p:cNvSpPr>
            <a:spLocks noSelect="1"/>
          </p:cNvSpPr>
          <p:nvPr userDrawn="1"/>
        </p:nvSpPr>
        <p:spPr bwMode="auto">
          <a:xfrm>
            <a:off x="987426" y="2022476"/>
            <a:ext cx="4121150" cy="2832100"/>
          </a:xfrm>
          <a:custGeom>
            <a:avLst/>
            <a:gdLst>
              <a:gd name="T0" fmla="*/ 12419 w 12979"/>
              <a:gd name="T1" fmla="*/ 8920 h 8920"/>
              <a:gd name="T2" fmla="*/ 560 w 12979"/>
              <a:gd name="T3" fmla="*/ 8920 h 8920"/>
              <a:gd name="T4" fmla="*/ 0 w 12979"/>
              <a:gd name="T5" fmla="*/ 8360 h 8920"/>
              <a:gd name="T6" fmla="*/ 0 w 12979"/>
              <a:gd name="T7" fmla="*/ 560 h 8920"/>
              <a:gd name="T8" fmla="*/ 560 w 12979"/>
              <a:gd name="T9" fmla="*/ 0 h 8920"/>
              <a:gd name="T10" fmla="*/ 12419 w 12979"/>
              <a:gd name="T11" fmla="*/ 0 h 8920"/>
              <a:gd name="T12" fmla="*/ 12979 w 12979"/>
              <a:gd name="T13" fmla="*/ 560 h 8920"/>
              <a:gd name="T14" fmla="*/ 12979 w 12979"/>
              <a:gd name="T15" fmla="*/ 8360 h 8920"/>
              <a:gd name="T16" fmla="*/ 12419 w 12979"/>
              <a:gd name="T17" fmla="*/ 8920 h 892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12979" h="8920">
                <a:moveTo>
                  <a:pt x="12419" y="8920"/>
                </a:moveTo>
                <a:cubicBezTo>
                  <a:pt x="560" y="8920"/>
                  <a:pt x="560" y="8920"/>
                  <a:pt x="560" y="8920"/>
                </a:cubicBezTo>
                <a:cubicBezTo>
                  <a:pt x="250" y="8920"/>
                  <a:pt x="0" y="8670"/>
                  <a:pt x="0" y="8360"/>
                </a:cubicBezTo>
                <a:cubicBezTo>
                  <a:pt x="0" y="560"/>
                  <a:pt x="0" y="560"/>
                  <a:pt x="0" y="560"/>
                </a:cubicBezTo>
                <a:cubicBezTo>
                  <a:pt x="0" y="251"/>
                  <a:pt x="250" y="0"/>
                  <a:pt x="560" y="0"/>
                </a:cubicBezTo>
                <a:cubicBezTo>
                  <a:pt x="12419" y="0"/>
                  <a:pt x="12419" y="0"/>
                  <a:pt x="12419" y="0"/>
                </a:cubicBezTo>
                <a:cubicBezTo>
                  <a:pt x="12728" y="0"/>
                  <a:pt x="12979" y="251"/>
                  <a:pt x="12979" y="560"/>
                </a:cubicBezTo>
                <a:cubicBezTo>
                  <a:pt x="12979" y="8360"/>
                  <a:pt x="12979" y="8360"/>
                  <a:pt x="12979" y="8360"/>
                </a:cubicBezTo>
                <a:cubicBezTo>
                  <a:pt x="12979" y="8670"/>
                  <a:pt x="12728" y="8920"/>
                  <a:pt x="12419" y="8920"/>
                </a:cubicBezTo>
              </a:path>
            </a:pathLst>
          </a:cu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20" name="Rectangle 5">
            <a:extLst>
              <a:ext uri="{FF2B5EF4-FFF2-40B4-BE49-F238E27FC236}">
                <a16:creationId xmlns:a16="http://schemas.microsoft.com/office/drawing/2014/main" id="{75FFAB73-65C5-1810-2720-3A8297BC9CCA}"/>
              </a:ext>
            </a:extLst>
          </p:cNvPr>
          <p:cNvSpPr>
            <a:spLocks noSelect="1" noChangeArrowheads="1"/>
          </p:cNvSpPr>
          <p:nvPr userDrawn="1"/>
        </p:nvSpPr>
        <p:spPr bwMode="auto">
          <a:xfrm>
            <a:off x="1187451" y="1989138"/>
            <a:ext cx="298450" cy="26988"/>
          </a:xfrm>
          <a:prstGeom prst="rect">
            <a:avLst/>
          </a:prstGeom>
          <a:solidFill>
            <a:srgbClr val="00000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21" name="Rectangle 6">
            <a:extLst>
              <a:ext uri="{FF2B5EF4-FFF2-40B4-BE49-F238E27FC236}">
                <a16:creationId xmlns:a16="http://schemas.microsoft.com/office/drawing/2014/main" id="{BA1C8D8F-4543-DD3F-8908-C05578EFEF6B}"/>
              </a:ext>
            </a:extLst>
          </p:cNvPr>
          <p:cNvSpPr>
            <a:spLocks noSelect="1" noChangeArrowheads="1"/>
          </p:cNvSpPr>
          <p:nvPr userDrawn="1"/>
        </p:nvSpPr>
        <p:spPr bwMode="auto">
          <a:xfrm>
            <a:off x="1539876" y="1989138"/>
            <a:ext cx="298450" cy="26988"/>
          </a:xfrm>
          <a:prstGeom prst="rect">
            <a:avLst/>
          </a:prstGeom>
          <a:solidFill>
            <a:srgbClr val="00000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22" name="Frame 7">
            <a:extLst>
              <a:ext uri="{FF2B5EF4-FFF2-40B4-BE49-F238E27FC236}">
                <a16:creationId xmlns:a16="http://schemas.microsoft.com/office/drawing/2014/main" id="{3FC9BD5D-6183-7C1F-76ED-84FE95E869B0}"/>
              </a:ext>
            </a:extLst>
          </p:cNvPr>
          <p:cNvSpPr>
            <a:spLocks noSelect="1"/>
          </p:cNvSpPr>
          <p:nvPr userDrawn="1"/>
        </p:nvSpPr>
        <p:spPr bwMode="gray">
          <a:xfrm>
            <a:off x="966788" y="1989138"/>
            <a:ext cx="4162425" cy="2879725"/>
          </a:xfrm>
          <a:custGeom>
            <a:avLst/>
            <a:gdLst>
              <a:gd name="T0" fmla="*/ 12545 w 13110"/>
              <a:gd name="T1" fmla="*/ 58 h 9068"/>
              <a:gd name="T2" fmla="*/ 2746 w 13110"/>
              <a:gd name="T3" fmla="*/ 58 h 9068"/>
              <a:gd name="T4" fmla="*/ 2746 w 13110"/>
              <a:gd name="T5" fmla="*/ 0 h 9068"/>
              <a:gd name="T6" fmla="*/ 1806 w 13110"/>
              <a:gd name="T7" fmla="*/ 0 h 9068"/>
              <a:gd name="T8" fmla="*/ 1806 w 13110"/>
              <a:gd name="T9" fmla="*/ 58 h 9068"/>
              <a:gd name="T10" fmla="*/ 1635 w 13110"/>
              <a:gd name="T11" fmla="*/ 58 h 9068"/>
              <a:gd name="T12" fmla="*/ 1635 w 13110"/>
              <a:gd name="T13" fmla="*/ 0 h 9068"/>
              <a:gd name="T14" fmla="*/ 696 w 13110"/>
              <a:gd name="T15" fmla="*/ 0 h 9068"/>
              <a:gd name="T16" fmla="*/ 696 w 13110"/>
              <a:gd name="T17" fmla="*/ 58 h 9068"/>
              <a:gd name="T18" fmla="*/ 566 w 13110"/>
              <a:gd name="T19" fmla="*/ 58 h 9068"/>
              <a:gd name="T20" fmla="*/ 0 w 13110"/>
              <a:gd name="T21" fmla="*/ 623 h 9068"/>
              <a:gd name="T22" fmla="*/ 0 w 13110"/>
              <a:gd name="T23" fmla="*/ 8503 h 9068"/>
              <a:gd name="T24" fmla="*/ 566 w 13110"/>
              <a:gd name="T25" fmla="*/ 9068 h 9068"/>
              <a:gd name="T26" fmla="*/ 12545 w 13110"/>
              <a:gd name="T27" fmla="*/ 9068 h 9068"/>
              <a:gd name="T28" fmla="*/ 13110 w 13110"/>
              <a:gd name="T29" fmla="*/ 8503 h 9068"/>
              <a:gd name="T30" fmla="*/ 13110 w 13110"/>
              <a:gd name="T31" fmla="*/ 623 h 9068"/>
              <a:gd name="T32" fmla="*/ 12545 w 13110"/>
              <a:gd name="T33" fmla="*/ 58 h 9068"/>
              <a:gd name="T34" fmla="*/ 12896 w 13110"/>
              <a:gd name="T35" fmla="*/ 8503 h 9068"/>
              <a:gd name="T36" fmla="*/ 12545 w 13110"/>
              <a:gd name="T37" fmla="*/ 8854 h 9068"/>
              <a:gd name="T38" fmla="*/ 566 w 13110"/>
              <a:gd name="T39" fmla="*/ 8854 h 9068"/>
              <a:gd name="T40" fmla="*/ 214 w 13110"/>
              <a:gd name="T41" fmla="*/ 8503 h 9068"/>
              <a:gd name="T42" fmla="*/ 214 w 13110"/>
              <a:gd name="T43" fmla="*/ 623 h 9068"/>
              <a:gd name="T44" fmla="*/ 566 w 13110"/>
              <a:gd name="T45" fmla="*/ 272 h 9068"/>
              <a:gd name="T46" fmla="*/ 12545 w 13110"/>
              <a:gd name="T47" fmla="*/ 272 h 9068"/>
              <a:gd name="T48" fmla="*/ 12896 w 13110"/>
              <a:gd name="T49" fmla="*/ 623 h 9068"/>
              <a:gd name="T50" fmla="*/ 12896 w 13110"/>
              <a:gd name="T51" fmla="*/ 8503 h 90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</a:cxnLst>
            <a:rect l="0" t="0" r="r" b="b"/>
            <a:pathLst>
              <a:path w="13110" h="9068">
                <a:moveTo>
                  <a:pt x="12545" y="58"/>
                </a:moveTo>
                <a:cubicBezTo>
                  <a:pt x="2746" y="58"/>
                  <a:pt x="2746" y="58"/>
                  <a:pt x="2746" y="58"/>
                </a:cubicBezTo>
                <a:cubicBezTo>
                  <a:pt x="2746" y="0"/>
                  <a:pt x="2746" y="0"/>
                  <a:pt x="2746" y="0"/>
                </a:cubicBezTo>
                <a:cubicBezTo>
                  <a:pt x="1806" y="0"/>
                  <a:pt x="1806" y="0"/>
                  <a:pt x="1806" y="0"/>
                </a:cubicBezTo>
                <a:cubicBezTo>
                  <a:pt x="1806" y="58"/>
                  <a:pt x="1806" y="58"/>
                  <a:pt x="1806" y="58"/>
                </a:cubicBezTo>
                <a:cubicBezTo>
                  <a:pt x="1635" y="58"/>
                  <a:pt x="1635" y="58"/>
                  <a:pt x="1635" y="58"/>
                </a:cubicBezTo>
                <a:cubicBezTo>
                  <a:pt x="1635" y="0"/>
                  <a:pt x="1635" y="0"/>
                  <a:pt x="1635" y="0"/>
                </a:cubicBezTo>
                <a:cubicBezTo>
                  <a:pt x="696" y="0"/>
                  <a:pt x="696" y="0"/>
                  <a:pt x="696" y="0"/>
                </a:cubicBezTo>
                <a:cubicBezTo>
                  <a:pt x="696" y="58"/>
                  <a:pt x="696" y="58"/>
                  <a:pt x="696" y="58"/>
                </a:cubicBezTo>
                <a:cubicBezTo>
                  <a:pt x="566" y="58"/>
                  <a:pt x="566" y="58"/>
                  <a:pt x="566" y="58"/>
                </a:cubicBezTo>
                <a:cubicBezTo>
                  <a:pt x="253" y="58"/>
                  <a:pt x="0" y="311"/>
                  <a:pt x="0" y="623"/>
                </a:cubicBezTo>
                <a:cubicBezTo>
                  <a:pt x="0" y="8503"/>
                  <a:pt x="0" y="8503"/>
                  <a:pt x="0" y="8503"/>
                </a:cubicBezTo>
                <a:cubicBezTo>
                  <a:pt x="0" y="8815"/>
                  <a:pt x="253" y="9068"/>
                  <a:pt x="566" y="9068"/>
                </a:cubicBezTo>
                <a:cubicBezTo>
                  <a:pt x="12545" y="9068"/>
                  <a:pt x="12545" y="9068"/>
                  <a:pt x="12545" y="9068"/>
                </a:cubicBezTo>
                <a:cubicBezTo>
                  <a:pt x="12857" y="9068"/>
                  <a:pt x="13110" y="8815"/>
                  <a:pt x="13110" y="8503"/>
                </a:cubicBezTo>
                <a:cubicBezTo>
                  <a:pt x="13110" y="623"/>
                  <a:pt x="13110" y="623"/>
                  <a:pt x="13110" y="623"/>
                </a:cubicBezTo>
                <a:cubicBezTo>
                  <a:pt x="13110" y="311"/>
                  <a:pt x="12857" y="58"/>
                  <a:pt x="12545" y="58"/>
                </a:cubicBezTo>
                <a:close/>
                <a:moveTo>
                  <a:pt x="12896" y="8503"/>
                </a:moveTo>
                <a:cubicBezTo>
                  <a:pt x="12896" y="8697"/>
                  <a:pt x="12739" y="8854"/>
                  <a:pt x="12545" y="8854"/>
                </a:cubicBezTo>
                <a:cubicBezTo>
                  <a:pt x="566" y="8854"/>
                  <a:pt x="566" y="8854"/>
                  <a:pt x="566" y="8854"/>
                </a:cubicBezTo>
                <a:cubicBezTo>
                  <a:pt x="372" y="8854"/>
                  <a:pt x="214" y="8697"/>
                  <a:pt x="214" y="8503"/>
                </a:cubicBezTo>
                <a:cubicBezTo>
                  <a:pt x="214" y="623"/>
                  <a:pt x="214" y="623"/>
                  <a:pt x="214" y="623"/>
                </a:cubicBezTo>
                <a:cubicBezTo>
                  <a:pt x="214" y="429"/>
                  <a:pt x="372" y="272"/>
                  <a:pt x="566" y="272"/>
                </a:cubicBezTo>
                <a:cubicBezTo>
                  <a:pt x="12545" y="272"/>
                  <a:pt x="12545" y="272"/>
                  <a:pt x="12545" y="272"/>
                </a:cubicBezTo>
                <a:cubicBezTo>
                  <a:pt x="12739" y="272"/>
                  <a:pt x="12896" y="429"/>
                  <a:pt x="12896" y="623"/>
                </a:cubicBezTo>
                <a:lnTo>
                  <a:pt x="12896" y="8503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7" name="Picture placeholder JU 8 [PHJU]">
            <a:extLst>
              <a:ext uri="{FF2B5EF4-FFF2-40B4-BE49-F238E27FC236}">
                <a16:creationId xmlns:a16="http://schemas.microsoft.com/office/drawing/2014/main" id="{11419FFA-B507-5BE7-F230-25E57169EBF9}"/>
              </a:ext>
            </a:extLst>
          </p:cNvPr>
          <p:cNvSpPr>
            <a:spLocks noGrp="1" noSelect="1"/>
          </p:cNvSpPr>
          <p:nvPr>
            <p:ph type="pic" sz="quarter" idx="13" hasCustomPrompt="1"/>
          </p:nvPr>
        </p:nvSpPr>
        <p:spPr>
          <a:xfrm>
            <a:off x="1035051" y="2076451"/>
            <a:ext cx="4025900" cy="2724150"/>
          </a:xfrm>
          <a:custGeom>
            <a:avLst/>
            <a:gdLst>
              <a:gd name="connsiteX0" fmla="*/ 111743 w 4025900"/>
              <a:gd name="connsiteY0" fmla="*/ 0 h 2724150"/>
              <a:gd name="connsiteX1" fmla="*/ 112671 w 4025900"/>
              <a:gd name="connsiteY1" fmla="*/ 0 h 2724150"/>
              <a:gd name="connsiteX2" fmla="*/ 119170 w 4025900"/>
              <a:gd name="connsiteY2" fmla="*/ 0 h 2724150"/>
              <a:gd name="connsiteX3" fmla="*/ 136809 w 4025900"/>
              <a:gd name="connsiteY3" fmla="*/ 0 h 2724150"/>
              <a:gd name="connsiteX4" fmla="*/ 171160 w 4025900"/>
              <a:gd name="connsiteY4" fmla="*/ 0 h 2724150"/>
              <a:gd name="connsiteX5" fmla="*/ 227793 w 4025900"/>
              <a:gd name="connsiteY5" fmla="*/ 0 h 2724150"/>
              <a:gd name="connsiteX6" fmla="*/ 312277 w 4025900"/>
              <a:gd name="connsiteY6" fmla="*/ 0 h 2724150"/>
              <a:gd name="connsiteX7" fmla="*/ 430184 w 4025900"/>
              <a:gd name="connsiteY7" fmla="*/ 0 h 2724150"/>
              <a:gd name="connsiteX8" fmla="*/ 503412 w 4025900"/>
              <a:gd name="connsiteY8" fmla="*/ 0 h 2724150"/>
              <a:gd name="connsiteX9" fmla="*/ 587084 w 4025900"/>
              <a:gd name="connsiteY9" fmla="*/ 0 h 2724150"/>
              <a:gd name="connsiteX10" fmla="*/ 681897 w 4025900"/>
              <a:gd name="connsiteY10" fmla="*/ 0 h 2724150"/>
              <a:gd name="connsiteX11" fmla="*/ 788547 w 4025900"/>
              <a:gd name="connsiteY11" fmla="*/ 0 h 2724150"/>
              <a:gd name="connsiteX12" fmla="*/ 907731 w 4025900"/>
              <a:gd name="connsiteY12" fmla="*/ 0 h 2724150"/>
              <a:gd name="connsiteX13" fmla="*/ 1040144 w 4025900"/>
              <a:gd name="connsiteY13" fmla="*/ 0 h 2724150"/>
              <a:gd name="connsiteX14" fmla="*/ 1186483 w 4025900"/>
              <a:gd name="connsiteY14" fmla="*/ 0 h 2724150"/>
              <a:gd name="connsiteX15" fmla="*/ 1347445 w 4025900"/>
              <a:gd name="connsiteY15" fmla="*/ 0 h 2724150"/>
              <a:gd name="connsiteX16" fmla="*/ 1523725 w 4025900"/>
              <a:gd name="connsiteY16" fmla="*/ 0 h 2724150"/>
              <a:gd name="connsiteX17" fmla="*/ 1716020 w 4025900"/>
              <a:gd name="connsiteY17" fmla="*/ 0 h 2724150"/>
              <a:gd name="connsiteX18" fmla="*/ 1925027 w 4025900"/>
              <a:gd name="connsiteY18" fmla="*/ 0 h 2724150"/>
              <a:gd name="connsiteX19" fmla="*/ 2151441 w 4025900"/>
              <a:gd name="connsiteY19" fmla="*/ 0 h 2724150"/>
              <a:gd name="connsiteX20" fmla="*/ 2395958 w 4025900"/>
              <a:gd name="connsiteY20" fmla="*/ 0 h 2724150"/>
              <a:gd name="connsiteX21" fmla="*/ 2659276 w 4025900"/>
              <a:gd name="connsiteY21" fmla="*/ 0 h 2724150"/>
              <a:gd name="connsiteX22" fmla="*/ 2942091 w 4025900"/>
              <a:gd name="connsiteY22" fmla="*/ 0 h 2724150"/>
              <a:gd name="connsiteX23" fmla="*/ 3245098 w 4025900"/>
              <a:gd name="connsiteY23" fmla="*/ 0 h 2724150"/>
              <a:gd name="connsiteX24" fmla="*/ 3568994 w 4025900"/>
              <a:gd name="connsiteY24" fmla="*/ 0 h 2724150"/>
              <a:gd name="connsiteX25" fmla="*/ 3914475 w 4025900"/>
              <a:gd name="connsiteY25" fmla="*/ 0 h 2724150"/>
              <a:gd name="connsiteX26" fmla="*/ 4025900 w 4025900"/>
              <a:gd name="connsiteY26" fmla="*/ 111417 h 2724150"/>
              <a:gd name="connsiteX27" fmla="*/ 4025900 w 4025900"/>
              <a:gd name="connsiteY27" fmla="*/ 116302 h 2724150"/>
              <a:gd name="connsiteX28" fmla="*/ 4025900 w 4025900"/>
              <a:gd name="connsiteY28" fmla="*/ 127905 h 2724150"/>
              <a:gd name="connsiteX29" fmla="*/ 4025900 w 4025900"/>
              <a:gd name="connsiteY29" fmla="*/ 150500 h 2724150"/>
              <a:gd name="connsiteX30" fmla="*/ 4025900 w 4025900"/>
              <a:gd name="connsiteY30" fmla="*/ 187751 h 2724150"/>
              <a:gd name="connsiteX31" fmla="*/ 4025900 w 4025900"/>
              <a:gd name="connsiteY31" fmla="*/ 243322 h 2724150"/>
              <a:gd name="connsiteX32" fmla="*/ 4025900 w 4025900"/>
              <a:gd name="connsiteY32" fmla="*/ 320878 h 2724150"/>
              <a:gd name="connsiteX33" fmla="*/ 4025900 w 4025900"/>
              <a:gd name="connsiteY33" fmla="*/ 424081 h 2724150"/>
              <a:gd name="connsiteX34" fmla="*/ 4025900 w 4025900"/>
              <a:gd name="connsiteY34" fmla="*/ 486446 h 2724150"/>
              <a:gd name="connsiteX35" fmla="*/ 4025900 w 4025900"/>
              <a:gd name="connsiteY35" fmla="*/ 556597 h 2724150"/>
              <a:gd name="connsiteX36" fmla="*/ 4025900 w 4025900"/>
              <a:gd name="connsiteY36" fmla="*/ 634993 h 2724150"/>
              <a:gd name="connsiteX37" fmla="*/ 4025900 w 4025900"/>
              <a:gd name="connsiteY37" fmla="*/ 722090 h 2724150"/>
              <a:gd name="connsiteX38" fmla="*/ 4025900 w 4025900"/>
              <a:gd name="connsiteY38" fmla="*/ 818347 h 2724150"/>
              <a:gd name="connsiteX39" fmla="*/ 4025900 w 4025900"/>
              <a:gd name="connsiteY39" fmla="*/ 924223 h 2724150"/>
              <a:gd name="connsiteX40" fmla="*/ 4025900 w 4025900"/>
              <a:gd name="connsiteY40" fmla="*/ 1040174 h 2724150"/>
              <a:gd name="connsiteX41" fmla="*/ 4025900 w 4025900"/>
              <a:gd name="connsiteY41" fmla="*/ 1166660 h 2724150"/>
              <a:gd name="connsiteX42" fmla="*/ 4025900 w 4025900"/>
              <a:gd name="connsiteY42" fmla="*/ 1304138 h 2724150"/>
              <a:gd name="connsiteX43" fmla="*/ 4025900 w 4025900"/>
              <a:gd name="connsiteY43" fmla="*/ 1453065 h 2724150"/>
              <a:gd name="connsiteX44" fmla="*/ 4025900 w 4025900"/>
              <a:gd name="connsiteY44" fmla="*/ 1613901 h 2724150"/>
              <a:gd name="connsiteX45" fmla="*/ 4025900 w 4025900"/>
              <a:gd name="connsiteY45" fmla="*/ 1787104 h 2724150"/>
              <a:gd name="connsiteX46" fmla="*/ 4025900 w 4025900"/>
              <a:gd name="connsiteY46" fmla="*/ 1973130 h 2724150"/>
              <a:gd name="connsiteX47" fmla="*/ 4025900 w 4025900"/>
              <a:gd name="connsiteY47" fmla="*/ 2172438 h 2724150"/>
              <a:gd name="connsiteX48" fmla="*/ 4025900 w 4025900"/>
              <a:gd name="connsiteY48" fmla="*/ 2385487 h 2724150"/>
              <a:gd name="connsiteX49" fmla="*/ 4025900 w 4025900"/>
              <a:gd name="connsiteY49" fmla="*/ 2612734 h 2724150"/>
              <a:gd name="connsiteX50" fmla="*/ 3914475 w 4025900"/>
              <a:gd name="connsiteY50" fmla="*/ 2724150 h 2724150"/>
              <a:gd name="connsiteX51" fmla="*/ 3913547 w 4025900"/>
              <a:gd name="connsiteY51" fmla="*/ 2724150 h 2724150"/>
              <a:gd name="connsiteX52" fmla="*/ 3907048 w 4025900"/>
              <a:gd name="connsiteY52" fmla="*/ 2724150 h 2724150"/>
              <a:gd name="connsiteX53" fmla="*/ 3889408 w 4025900"/>
              <a:gd name="connsiteY53" fmla="*/ 2724150 h 2724150"/>
              <a:gd name="connsiteX54" fmla="*/ 3855058 w 4025900"/>
              <a:gd name="connsiteY54" fmla="*/ 2724150 h 2724150"/>
              <a:gd name="connsiteX55" fmla="*/ 3798425 w 4025900"/>
              <a:gd name="connsiteY55" fmla="*/ 2724150 h 2724150"/>
              <a:gd name="connsiteX56" fmla="*/ 3713941 w 4025900"/>
              <a:gd name="connsiteY56" fmla="*/ 2724150 h 2724150"/>
              <a:gd name="connsiteX57" fmla="*/ 3596034 w 4025900"/>
              <a:gd name="connsiteY57" fmla="*/ 2724150 h 2724150"/>
              <a:gd name="connsiteX58" fmla="*/ 3522806 w 4025900"/>
              <a:gd name="connsiteY58" fmla="*/ 2724150 h 2724150"/>
              <a:gd name="connsiteX59" fmla="*/ 3439134 w 4025900"/>
              <a:gd name="connsiteY59" fmla="*/ 2724150 h 2724150"/>
              <a:gd name="connsiteX60" fmla="*/ 3344321 w 4025900"/>
              <a:gd name="connsiteY60" fmla="*/ 2724150 h 2724150"/>
              <a:gd name="connsiteX61" fmla="*/ 3237671 w 4025900"/>
              <a:gd name="connsiteY61" fmla="*/ 2724150 h 2724150"/>
              <a:gd name="connsiteX62" fmla="*/ 3118487 w 4025900"/>
              <a:gd name="connsiteY62" fmla="*/ 2724150 h 2724150"/>
              <a:gd name="connsiteX63" fmla="*/ 2986074 w 4025900"/>
              <a:gd name="connsiteY63" fmla="*/ 2724150 h 2724150"/>
              <a:gd name="connsiteX64" fmla="*/ 2839734 w 4025900"/>
              <a:gd name="connsiteY64" fmla="*/ 2724150 h 2724150"/>
              <a:gd name="connsiteX65" fmla="*/ 2678773 w 4025900"/>
              <a:gd name="connsiteY65" fmla="*/ 2724150 h 2724150"/>
              <a:gd name="connsiteX66" fmla="*/ 2502493 w 4025900"/>
              <a:gd name="connsiteY66" fmla="*/ 2724150 h 2724150"/>
              <a:gd name="connsiteX67" fmla="*/ 2310197 w 4025900"/>
              <a:gd name="connsiteY67" fmla="*/ 2724150 h 2724150"/>
              <a:gd name="connsiteX68" fmla="*/ 2101191 w 4025900"/>
              <a:gd name="connsiteY68" fmla="*/ 2724150 h 2724150"/>
              <a:gd name="connsiteX69" fmla="*/ 1874777 w 4025900"/>
              <a:gd name="connsiteY69" fmla="*/ 2724150 h 2724150"/>
              <a:gd name="connsiteX70" fmla="*/ 1630259 w 4025900"/>
              <a:gd name="connsiteY70" fmla="*/ 2724150 h 2724150"/>
              <a:gd name="connsiteX71" fmla="*/ 1366941 w 4025900"/>
              <a:gd name="connsiteY71" fmla="*/ 2724150 h 2724150"/>
              <a:gd name="connsiteX72" fmla="*/ 1084127 w 4025900"/>
              <a:gd name="connsiteY72" fmla="*/ 2724150 h 2724150"/>
              <a:gd name="connsiteX73" fmla="*/ 781120 w 4025900"/>
              <a:gd name="connsiteY73" fmla="*/ 2724150 h 2724150"/>
              <a:gd name="connsiteX74" fmla="*/ 457224 w 4025900"/>
              <a:gd name="connsiteY74" fmla="*/ 2724150 h 2724150"/>
              <a:gd name="connsiteX75" fmla="*/ 111743 w 4025900"/>
              <a:gd name="connsiteY75" fmla="*/ 2724150 h 2724150"/>
              <a:gd name="connsiteX76" fmla="*/ 0 w 4025900"/>
              <a:gd name="connsiteY76" fmla="*/ 2612734 h 2724150"/>
              <a:gd name="connsiteX77" fmla="*/ 0 w 4025900"/>
              <a:gd name="connsiteY77" fmla="*/ 2607848 h 2724150"/>
              <a:gd name="connsiteX78" fmla="*/ 0 w 4025900"/>
              <a:gd name="connsiteY78" fmla="*/ 2596246 h 2724150"/>
              <a:gd name="connsiteX79" fmla="*/ 0 w 4025900"/>
              <a:gd name="connsiteY79" fmla="*/ 2573651 h 2724150"/>
              <a:gd name="connsiteX80" fmla="*/ 0 w 4025900"/>
              <a:gd name="connsiteY80" fmla="*/ 2536400 h 2724150"/>
              <a:gd name="connsiteX81" fmla="*/ 0 w 4025900"/>
              <a:gd name="connsiteY81" fmla="*/ 2480828 h 2724150"/>
              <a:gd name="connsiteX82" fmla="*/ 0 w 4025900"/>
              <a:gd name="connsiteY82" fmla="*/ 2403273 h 2724150"/>
              <a:gd name="connsiteX83" fmla="*/ 0 w 4025900"/>
              <a:gd name="connsiteY83" fmla="*/ 2300069 h 2724150"/>
              <a:gd name="connsiteX84" fmla="*/ 0 w 4025900"/>
              <a:gd name="connsiteY84" fmla="*/ 2237704 h 2724150"/>
              <a:gd name="connsiteX85" fmla="*/ 0 w 4025900"/>
              <a:gd name="connsiteY85" fmla="*/ 2167553 h 2724150"/>
              <a:gd name="connsiteX86" fmla="*/ 0 w 4025900"/>
              <a:gd name="connsiteY86" fmla="*/ 2089158 h 2724150"/>
              <a:gd name="connsiteX87" fmla="*/ 0 w 4025900"/>
              <a:gd name="connsiteY87" fmla="*/ 2002061 h 2724150"/>
              <a:gd name="connsiteX88" fmla="*/ 0 w 4025900"/>
              <a:gd name="connsiteY88" fmla="*/ 1905803 h 2724150"/>
              <a:gd name="connsiteX89" fmla="*/ 0 w 4025900"/>
              <a:gd name="connsiteY89" fmla="*/ 1799928 h 2724150"/>
              <a:gd name="connsiteX90" fmla="*/ 0 w 4025900"/>
              <a:gd name="connsiteY90" fmla="*/ 1683976 h 2724150"/>
              <a:gd name="connsiteX91" fmla="*/ 0 w 4025900"/>
              <a:gd name="connsiteY91" fmla="*/ 1557491 h 2724150"/>
              <a:gd name="connsiteX92" fmla="*/ 0 w 4025900"/>
              <a:gd name="connsiteY92" fmla="*/ 1420013 h 2724150"/>
              <a:gd name="connsiteX93" fmla="*/ 0 w 4025900"/>
              <a:gd name="connsiteY93" fmla="*/ 1271085 h 2724150"/>
              <a:gd name="connsiteX94" fmla="*/ 0 w 4025900"/>
              <a:gd name="connsiteY94" fmla="*/ 1110249 h 2724150"/>
              <a:gd name="connsiteX95" fmla="*/ 0 w 4025900"/>
              <a:gd name="connsiteY95" fmla="*/ 937047 h 2724150"/>
              <a:gd name="connsiteX96" fmla="*/ 0 w 4025900"/>
              <a:gd name="connsiteY96" fmla="*/ 751020 h 2724150"/>
              <a:gd name="connsiteX97" fmla="*/ 0 w 4025900"/>
              <a:gd name="connsiteY97" fmla="*/ 551712 h 2724150"/>
              <a:gd name="connsiteX98" fmla="*/ 0 w 4025900"/>
              <a:gd name="connsiteY98" fmla="*/ 338663 h 2724150"/>
              <a:gd name="connsiteX99" fmla="*/ 0 w 4025900"/>
              <a:gd name="connsiteY99" fmla="*/ 111417 h 2724150"/>
              <a:gd name="connsiteX100" fmla="*/ 111743 w 4025900"/>
              <a:gd name="connsiteY100" fmla="*/ 0 h 27241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</a:cxnLst>
            <a:rect l="l" t="t" r="r" b="b"/>
            <a:pathLst>
              <a:path w="4025900" h="2724150">
                <a:moveTo>
                  <a:pt x="111743" y="0"/>
                </a:moveTo>
                <a:lnTo>
                  <a:pt x="112671" y="0"/>
                </a:lnTo>
                <a:lnTo>
                  <a:pt x="119170" y="0"/>
                </a:lnTo>
                <a:lnTo>
                  <a:pt x="136809" y="0"/>
                </a:lnTo>
                <a:lnTo>
                  <a:pt x="171160" y="0"/>
                </a:lnTo>
                <a:lnTo>
                  <a:pt x="227793" y="0"/>
                </a:lnTo>
                <a:lnTo>
                  <a:pt x="312277" y="0"/>
                </a:lnTo>
                <a:lnTo>
                  <a:pt x="430184" y="0"/>
                </a:lnTo>
                <a:lnTo>
                  <a:pt x="503412" y="0"/>
                </a:lnTo>
                <a:lnTo>
                  <a:pt x="587084" y="0"/>
                </a:lnTo>
                <a:lnTo>
                  <a:pt x="681897" y="0"/>
                </a:lnTo>
                <a:lnTo>
                  <a:pt x="788547" y="0"/>
                </a:lnTo>
                <a:lnTo>
                  <a:pt x="907731" y="0"/>
                </a:lnTo>
                <a:lnTo>
                  <a:pt x="1040144" y="0"/>
                </a:lnTo>
                <a:lnTo>
                  <a:pt x="1186483" y="0"/>
                </a:lnTo>
                <a:lnTo>
                  <a:pt x="1347445" y="0"/>
                </a:lnTo>
                <a:lnTo>
                  <a:pt x="1523725" y="0"/>
                </a:lnTo>
                <a:lnTo>
                  <a:pt x="1716020" y="0"/>
                </a:lnTo>
                <a:lnTo>
                  <a:pt x="1925027" y="0"/>
                </a:lnTo>
                <a:lnTo>
                  <a:pt x="2151441" y="0"/>
                </a:lnTo>
                <a:lnTo>
                  <a:pt x="2395958" y="0"/>
                </a:lnTo>
                <a:lnTo>
                  <a:pt x="2659276" y="0"/>
                </a:lnTo>
                <a:lnTo>
                  <a:pt x="2942091" y="0"/>
                </a:lnTo>
                <a:lnTo>
                  <a:pt x="3245098" y="0"/>
                </a:lnTo>
                <a:lnTo>
                  <a:pt x="3568994" y="0"/>
                </a:lnTo>
                <a:lnTo>
                  <a:pt x="3914475" y="0"/>
                </a:lnTo>
                <a:cubicBezTo>
                  <a:pt x="3976060" y="0"/>
                  <a:pt x="4025900" y="49836"/>
                  <a:pt x="4025900" y="111417"/>
                </a:cubicBezTo>
                <a:lnTo>
                  <a:pt x="4025900" y="116302"/>
                </a:lnTo>
                <a:lnTo>
                  <a:pt x="4025900" y="127905"/>
                </a:lnTo>
                <a:lnTo>
                  <a:pt x="4025900" y="150500"/>
                </a:lnTo>
                <a:lnTo>
                  <a:pt x="4025900" y="187751"/>
                </a:lnTo>
                <a:lnTo>
                  <a:pt x="4025900" y="243322"/>
                </a:lnTo>
                <a:lnTo>
                  <a:pt x="4025900" y="320878"/>
                </a:lnTo>
                <a:lnTo>
                  <a:pt x="4025900" y="424081"/>
                </a:lnTo>
                <a:lnTo>
                  <a:pt x="4025900" y="486446"/>
                </a:lnTo>
                <a:lnTo>
                  <a:pt x="4025900" y="556597"/>
                </a:lnTo>
                <a:lnTo>
                  <a:pt x="4025900" y="634993"/>
                </a:lnTo>
                <a:lnTo>
                  <a:pt x="4025900" y="722090"/>
                </a:lnTo>
                <a:lnTo>
                  <a:pt x="4025900" y="818347"/>
                </a:lnTo>
                <a:lnTo>
                  <a:pt x="4025900" y="924223"/>
                </a:lnTo>
                <a:lnTo>
                  <a:pt x="4025900" y="1040174"/>
                </a:lnTo>
                <a:lnTo>
                  <a:pt x="4025900" y="1166660"/>
                </a:lnTo>
                <a:lnTo>
                  <a:pt x="4025900" y="1304138"/>
                </a:lnTo>
                <a:lnTo>
                  <a:pt x="4025900" y="1453065"/>
                </a:lnTo>
                <a:lnTo>
                  <a:pt x="4025900" y="1613901"/>
                </a:lnTo>
                <a:lnTo>
                  <a:pt x="4025900" y="1787104"/>
                </a:lnTo>
                <a:lnTo>
                  <a:pt x="4025900" y="1973130"/>
                </a:lnTo>
                <a:lnTo>
                  <a:pt x="4025900" y="2172438"/>
                </a:lnTo>
                <a:lnTo>
                  <a:pt x="4025900" y="2385487"/>
                </a:lnTo>
                <a:lnTo>
                  <a:pt x="4025900" y="2612734"/>
                </a:lnTo>
                <a:cubicBezTo>
                  <a:pt x="4025900" y="2674314"/>
                  <a:pt x="3976060" y="2724150"/>
                  <a:pt x="3914475" y="2724150"/>
                </a:cubicBezTo>
                <a:lnTo>
                  <a:pt x="3913547" y="2724150"/>
                </a:lnTo>
                <a:lnTo>
                  <a:pt x="3907048" y="2724150"/>
                </a:lnTo>
                <a:lnTo>
                  <a:pt x="3889408" y="2724150"/>
                </a:lnTo>
                <a:lnTo>
                  <a:pt x="3855058" y="2724150"/>
                </a:lnTo>
                <a:lnTo>
                  <a:pt x="3798425" y="2724150"/>
                </a:lnTo>
                <a:lnTo>
                  <a:pt x="3713941" y="2724150"/>
                </a:lnTo>
                <a:lnTo>
                  <a:pt x="3596034" y="2724150"/>
                </a:lnTo>
                <a:lnTo>
                  <a:pt x="3522806" y="2724150"/>
                </a:lnTo>
                <a:lnTo>
                  <a:pt x="3439134" y="2724150"/>
                </a:lnTo>
                <a:lnTo>
                  <a:pt x="3344321" y="2724150"/>
                </a:lnTo>
                <a:lnTo>
                  <a:pt x="3237671" y="2724150"/>
                </a:lnTo>
                <a:lnTo>
                  <a:pt x="3118487" y="2724150"/>
                </a:lnTo>
                <a:lnTo>
                  <a:pt x="2986074" y="2724150"/>
                </a:lnTo>
                <a:lnTo>
                  <a:pt x="2839734" y="2724150"/>
                </a:lnTo>
                <a:lnTo>
                  <a:pt x="2678773" y="2724150"/>
                </a:lnTo>
                <a:lnTo>
                  <a:pt x="2502493" y="2724150"/>
                </a:lnTo>
                <a:lnTo>
                  <a:pt x="2310197" y="2724150"/>
                </a:lnTo>
                <a:lnTo>
                  <a:pt x="2101191" y="2724150"/>
                </a:lnTo>
                <a:lnTo>
                  <a:pt x="1874777" y="2724150"/>
                </a:lnTo>
                <a:lnTo>
                  <a:pt x="1630259" y="2724150"/>
                </a:lnTo>
                <a:lnTo>
                  <a:pt x="1366941" y="2724150"/>
                </a:lnTo>
                <a:lnTo>
                  <a:pt x="1084127" y="2724150"/>
                </a:lnTo>
                <a:lnTo>
                  <a:pt x="781120" y="2724150"/>
                </a:lnTo>
                <a:lnTo>
                  <a:pt x="457224" y="2724150"/>
                </a:lnTo>
                <a:lnTo>
                  <a:pt x="111743" y="2724150"/>
                </a:lnTo>
                <a:cubicBezTo>
                  <a:pt x="50157" y="2724150"/>
                  <a:pt x="0" y="2674314"/>
                  <a:pt x="0" y="2612734"/>
                </a:cubicBezTo>
                <a:lnTo>
                  <a:pt x="0" y="2607848"/>
                </a:lnTo>
                <a:lnTo>
                  <a:pt x="0" y="2596246"/>
                </a:lnTo>
                <a:lnTo>
                  <a:pt x="0" y="2573651"/>
                </a:lnTo>
                <a:lnTo>
                  <a:pt x="0" y="2536400"/>
                </a:lnTo>
                <a:lnTo>
                  <a:pt x="0" y="2480828"/>
                </a:lnTo>
                <a:lnTo>
                  <a:pt x="0" y="2403273"/>
                </a:lnTo>
                <a:lnTo>
                  <a:pt x="0" y="2300069"/>
                </a:lnTo>
                <a:lnTo>
                  <a:pt x="0" y="2237704"/>
                </a:lnTo>
                <a:lnTo>
                  <a:pt x="0" y="2167553"/>
                </a:lnTo>
                <a:lnTo>
                  <a:pt x="0" y="2089158"/>
                </a:lnTo>
                <a:lnTo>
                  <a:pt x="0" y="2002061"/>
                </a:lnTo>
                <a:lnTo>
                  <a:pt x="0" y="1905803"/>
                </a:lnTo>
                <a:lnTo>
                  <a:pt x="0" y="1799928"/>
                </a:lnTo>
                <a:lnTo>
                  <a:pt x="0" y="1683976"/>
                </a:lnTo>
                <a:lnTo>
                  <a:pt x="0" y="1557491"/>
                </a:lnTo>
                <a:lnTo>
                  <a:pt x="0" y="1420013"/>
                </a:lnTo>
                <a:lnTo>
                  <a:pt x="0" y="1271085"/>
                </a:lnTo>
                <a:lnTo>
                  <a:pt x="0" y="1110249"/>
                </a:lnTo>
                <a:lnTo>
                  <a:pt x="0" y="937047"/>
                </a:lnTo>
                <a:lnTo>
                  <a:pt x="0" y="751020"/>
                </a:lnTo>
                <a:lnTo>
                  <a:pt x="0" y="551712"/>
                </a:lnTo>
                <a:lnTo>
                  <a:pt x="0" y="338663"/>
                </a:lnTo>
                <a:lnTo>
                  <a:pt x="0" y="111417"/>
                </a:lnTo>
                <a:cubicBezTo>
                  <a:pt x="0" y="49836"/>
                  <a:pt x="50157" y="0"/>
                  <a:pt x="111743" y="0"/>
                </a:cubicBezTo>
                <a:close/>
              </a:path>
            </a:pathLst>
          </a:custGeom>
          <a:noFill/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2200"/>
            </a:lvl1pPr>
          </a:lstStyle>
          <a:p>
            <a:r>
              <a:rPr lang="en-GB"/>
              <a:t>[Picture]</a:t>
            </a:r>
            <a:endParaRPr lang="en-GB" dirty="0"/>
          </a:p>
        </p:txBody>
      </p:sp>
      <p:sp>
        <p:nvSpPr>
          <p:cNvPr id="8" name="Frame text 9 [PHJU]">
            <a:extLst>
              <a:ext uri="{FF2B5EF4-FFF2-40B4-BE49-F238E27FC236}">
                <a16:creationId xmlns:a16="http://schemas.microsoft.com/office/drawing/2014/main" id="{AFE6237D-6F94-C56D-8D0B-B4747B5A6913}"/>
              </a:ext>
            </a:extLst>
          </p:cNvPr>
          <p:cNvSpPr>
            <a:spLocks noGrp="1" noSelect="1"/>
          </p:cNvSpPr>
          <p:nvPr>
            <p:ph type="body" sz="quarter" idx="17" hasCustomPrompt="1"/>
          </p:nvPr>
        </p:nvSpPr>
        <p:spPr>
          <a:xfrm>
            <a:off x="7140584" y="3283081"/>
            <a:ext cx="3993343" cy="280946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[Text]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9509898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[Picture]">
    <p:bg>
      <p:bgPr>
        <a:solidFill>
          <a:srgbClr val="6BC9CD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" name="Frame 1">
            <a:extLst>
              <a:ext uri="{FF2B5EF4-FFF2-40B4-BE49-F238E27FC236}">
                <a16:creationId xmlns:a16="http://schemas.microsoft.com/office/drawing/2014/main" id="{0095CAED-C733-7C85-5F06-906FB2A42E5E}"/>
              </a:ext>
            </a:extLst>
          </p:cNvPr>
          <p:cNvSpPr>
            <a:spLocks noSelect="1"/>
          </p:cNvSpPr>
          <p:nvPr userDrawn="1"/>
        </p:nvSpPr>
        <p:spPr bwMode="auto">
          <a:xfrm>
            <a:off x="3057526" y="1354138"/>
            <a:ext cx="6075363" cy="4176713"/>
          </a:xfrm>
          <a:custGeom>
            <a:avLst/>
            <a:gdLst>
              <a:gd name="T0" fmla="*/ 18312 w 19137"/>
              <a:gd name="T1" fmla="*/ 13154 h 13154"/>
              <a:gd name="T2" fmla="*/ 825 w 19137"/>
              <a:gd name="T3" fmla="*/ 13154 h 13154"/>
              <a:gd name="T4" fmla="*/ 0 w 19137"/>
              <a:gd name="T5" fmla="*/ 12328 h 13154"/>
              <a:gd name="T6" fmla="*/ 0 w 19137"/>
              <a:gd name="T7" fmla="*/ 826 h 13154"/>
              <a:gd name="T8" fmla="*/ 825 w 19137"/>
              <a:gd name="T9" fmla="*/ 0 h 13154"/>
              <a:gd name="T10" fmla="*/ 18312 w 19137"/>
              <a:gd name="T11" fmla="*/ 0 h 13154"/>
              <a:gd name="T12" fmla="*/ 19137 w 19137"/>
              <a:gd name="T13" fmla="*/ 826 h 13154"/>
              <a:gd name="T14" fmla="*/ 19137 w 19137"/>
              <a:gd name="T15" fmla="*/ 12328 h 13154"/>
              <a:gd name="T16" fmla="*/ 18312 w 19137"/>
              <a:gd name="T17" fmla="*/ 13154 h 131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19137" h="13154">
                <a:moveTo>
                  <a:pt x="18312" y="13154"/>
                </a:moveTo>
                <a:cubicBezTo>
                  <a:pt x="825" y="13154"/>
                  <a:pt x="825" y="13154"/>
                  <a:pt x="825" y="13154"/>
                </a:cubicBezTo>
                <a:cubicBezTo>
                  <a:pt x="369" y="13154"/>
                  <a:pt x="0" y="12784"/>
                  <a:pt x="0" y="12328"/>
                </a:cubicBezTo>
                <a:cubicBezTo>
                  <a:pt x="0" y="826"/>
                  <a:pt x="0" y="826"/>
                  <a:pt x="0" y="826"/>
                </a:cubicBezTo>
                <a:cubicBezTo>
                  <a:pt x="0" y="370"/>
                  <a:pt x="369" y="0"/>
                  <a:pt x="825" y="0"/>
                </a:cubicBezTo>
                <a:cubicBezTo>
                  <a:pt x="18312" y="0"/>
                  <a:pt x="18312" y="0"/>
                  <a:pt x="18312" y="0"/>
                </a:cubicBezTo>
                <a:cubicBezTo>
                  <a:pt x="18767" y="0"/>
                  <a:pt x="19137" y="370"/>
                  <a:pt x="19137" y="826"/>
                </a:cubicBezTo>
                <a:cubicBezTo>
                  <a:pt x="19137" y="12328"/>
                  <a:pt x="19137" y="12328"/>
                  <a:pt x="19137" y="12328"/>
                </a:cubicBezTo>
                <a:cubicBezTo>
                  <a:pt x="19137" y="12784"/>
                  <a:pt x="18767" y="13154"/>
                  <a:pt x="18312" y="13154"/>
                </a:cubicBezTo>
              </a:path>
            </a:pathLst>
          </a:cu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62" name="Rectangle 2">
            <a:extLst>
              <a:ext uri="{FF2B5EF4-FFF2-40B4-BE49-F238E27FC236}">
                <a16:creationId xmlns:a16="http://schemas.microsoft.com/office/drawing/2014/main" id="{9AABB67A-2E10-8328-4D5C-789BF751EE61}"/>
              </a:ext>
            </a:extLst>
          </p:cNvPr>
          <p:cNvSpPr>
            <a:spLocks noSelect="1" noChangeArrowheads="1"/>
          </p:cNvSpPr>
          <p:nvPr userDrawn="1"/>
        </p:nvSpPr>
        <p:spPr bwMode="auto">
          <a:xfrm>
            <a:off x="3352801" y="1306513"/>
            <a:ext cx="439738" cy="39688"/>
          </a:xfrm>
          <a:prstGeom prst="rect">
            <a:avLst/>
          </a:prstGeom>
          <a:solidFill>
            <a:srgbClr val="00000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63" name="Rectangle 3">
            <a:extLst>
              <a:ext uri="{FF2B5EF4-FFF2-40B4-BE49-F238E27FC236}">
                <a16:creationId xmlns:a16="http://schemas.microsoft.com/office/drawing/2014/main" id="{890849D0-4196-CFA9-21B6-9FEE45159059}"/>
              </a:ext>
            </a:extLst>
          </p:cNvPr>
          <p:cNvSpPr>
            <a:spLocks noSelect="1" noChangeArrowheads="1"/>
          </p:cNvSpPr>
          <p:nvPr userDrawn="1"/>
        </p:nvSpPr>
        <p:spPr bwMode="auto">
          <a:xfrm>
            <a:off x="3871913" y="1306513"/>
            <a:ext cx="439738" cy="39688"/>
          </a:xfrm>
          <a:prstGeom prst="rect">
            <a:avLst/>
          </a:prstGeom>
          <a:solidFill>
            <a:srgbClr val="00000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64" name="Frame 4">
            <a:extLst>
              <a:ext uri="{FF2B5EF4-FFF2-40B4-BE49-F238E27FC236}">
                <a16:creationId xmlns:a16="http://schemas.microsoft.com/office/drawing/2014/main" id="{91587C81-DACC-0252-F5B4-321C66DC18F3}"/>
              </a:ext>
            </a:extLst>
          </p:cNvPr>
          <p:cNvSpPr>
            <a:spLocks noSelect="1"/>
          </p:cNvSpPr>
          <p:nvPr userDrawn="1"/>
        </p:nvSpPr>
        <p:spPr bwMode="gray">
          <a:xfrm>
            <a:off x="3027363" y="1306513"/>
            <a:ext cx="6137275" cy="4244975"/>
          </a:xfrm>
          <a:custGeom>
            <a:avLst/>
            <a:gdLst>
              <a:gd name="T0" fmla="*/ 18497 w 19331"/>
              <a:gd name="T1" fmla="*/ 86 h 13372"/>
              <a:gd name="T2" fmla="*/ 4048 w 19331"/>
              <a:gd name="T3" fmla="*/ 86 h 13372"/>
              <a:gd name="T4" fmla="*/ 4048 w 19331"/>
              <a:gd name="T5" fmla="*/ 0 h 13372"/>
              <a:gd name="T6" fmla="*/ 2663 w 19331"/>
              <a:gd name="T7" fmla="*/ 0 h 13372"/>
              <a:gd name="T8" fmla="*/ 2663 w 19331"/>
              <a:gd name="T9" fmla="*/ 86 h 13372"/>
              <a:gd name="T10" fmla="*/ 2411 w 19331"/>
              <a:gd name="T11" fmla="*/ 86 h 13372"/>
              <a:gd name="T12" fmla="*/ 2411 w 19331"/>
              <a:gd name="T13" fmla="*/ 0 h 13372"/>
              <a:gd name="T14" fmla="*/ 1026 w 19331"/>
              <a:gd name="T15" fmla="*/ 0 h 13372"/>
              <a:gd name="T16" fmla="*/ 1026 w 19331"/>
              <a:gd name="T17" fmla="*/ 86 h 13372"/>
              <a:gd name="T18" fmla="*/ 834 w 19331"/>
              <a:gd name="T19" fmla="*/ 86 h 13372"/>
              <a:gd name="T20" fmla="*/ 0 w 19331"/>
              <a:gd name="T21" fmla="*/ 920 h 13372"/>
              <a:gd name="T22" fmla="*/ 0 w 19331"/>
              <a:gd name="T23" fmla="*/ 12538 h 13372"/>
              <a:gd name="T24" fmla="*/ 834 w 19331"/>
              <a:gd name="T25" fmla="*/ 13372 h 13372"/>
              <a:gd name="T26" fmla="*/ 18497 w 19331"/>
              <a:gd name="T27" fmla="*/ 13372 h 13372"/>
              <a:gd name="T28" fmla="*/ 19331 w 19331"/>
              <a:gd name="T29" fmla="*/ 12538 h 13372"/>
              <a:gd name="T30" fmla="*/ 19331 w 19331"/>
              <a:gd name="T31" fmla="*/ 920 h 13372"/>
              <a:gd name="T32" fmla="*/ 18497 w 19331"/>
              <a:gd name="T33" fmla="*/ 86 h 13372"/>
              <a:gd name="T34" fmla="*/ 19015 w 19331"/>
              <a:gd name="T35" fmla="*/ 12538 h 13372"/>
              <a:gd name="T36" fmla="*/ 18497 w 19331"/>
              <a:gd name="T37" fmla="*/ 13056 h 13372"/>
              <a:gd name="T38" fmla="*/ 834 w 19331"/>
              <a:gd name="T39" fmla="*/ 13056 h 13372"/>
              <a:gd name="T40" fmla="*/ 315 w 19331"/>
              <a:gd name="T41" fmla="*/ 12538 h 13372"/>
              <a:gd name="T42" fmla="*/ 315 w 19331"/>
              <a:gd name="T43" fmla="*/ 920 h 13372"/>
              <a:gd name="T44" fmla="*/ 834 w 19331"/>
              <a:gd name="T45" fmla="*/ 401 h 13372"/>
              <a:gd name="T46" fmla="*/ 18497 w 19331"/>
              <a:gd name="T47" fmla="*/ 401 h 13372"/>
              <a:gd name="T48" fmla="*/ 19015 w 19331"/>
              <a:gd name="T49" fmla="*/ 920 h 13372"/>
              <a:gd name="T50" fmla="*/ 19015 w 19331"/>
              <a:gd name="T51" fmla="*/ 12538 h 1337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</a:cxnLst>
            <a:rect l="0" t="0" r="r" b="b"/>
            <a:pathLst>
              <a:path w="19331" h="13372">
                <a:moveTo>
                  <a:pt x="18497" y="86"/>
                </a:moveTo>
                <a:cubicBezTo>
                  <a:pt x="4048" y="86"/>
                  <a:pt x="4048" y="86"/>
                  <a:pt x="4048" y="86"/>
                </a:cubicBezTo>
                <a:cubicBezTo>
                  <a:pt x="4048" y="0"/>
                  <a:pt x="4048" y="0"/>
                  <a:pt x="4048" y="0"/>
                </a:cubicBezTo>
                <a:cubicBezTo>
                  <a:pt x="2663" y="0"/>
                  <a:pt x="2663" y="0"/>
                  <a:pt x="2663" y="0"/>
                </a:cubicBezTo>
                <a:cubicBezTo>
                  <a:pt x="2663" y="86"/>
                  <a:pt x="2663" y="86"/>
                  <a:pt x="2663" y="86"/>
                </a:cubicBezTo>
                <a:cubicBezTo>
                  <a:pt x="2411" y="86"/>
                  <a:pt x="2411" y="86"/>
                  <a:pt x="2411" y="86"/>
                </a:cubicBezTo>
                <a:cubicBezTo>
                  <a:pt x="2411" y="0"/>
                  <a:pt x="2411" y="0"/>
                  <a:pt x="2411" y="0"/>
                </a:cubicBezTo>
                <a:cubicBezTo>
                  <a:pt x="1026" y="0"/>
                  <a:pt x="1026" y="0"/>
                  <a:pt x="1026" y="0"/>
                </a:cubicBezTo>
                <a:cubicBezTo>
                  <a:pt x="1026" y="86"/>
                  <a:pt x="1026" y="86"/>
                  <a:pt x="1026" y="86"/>
                </a:cubicBezTo>
                <a:cubicBezTo>
                  <a:pt x="834" y="86"/>
                  <a:pt x="834" y="86"/>
                  <a:pt x="834" y="86"/>
                </a:cubicBezTo>
                <a:cubicBezTo>
                  <a:pt x="373" y="86"/>
                  <a:pt x="0" y="459"/>
                  <a:pt x="0" y="920"/>
                </a:cubicBezTo>
                <a:cubicBezTo>
                  <a:pt x="0" y="12538"/>
                  <a:pt x="0" y="12538"/>
                  <a:pt x="0" y="12538"/>
                </a:cubicBezTo>
                <a:cubicBezTo>
                  <a:pt x="0" y="12999"/>
                  <a:pt x="373" y="13372"/>
                  <a:pt x="834" y="13372"/>
                </a:cubicBezTo>
                <a:cubicBezTo>
                  <a:pt x="18497" y="13372"/>
                  <a:pt x="18497" y="13372"/>
                  <a:pt x="18497" y="13372"/>
                </a:cubicBezTo>
                <a:cubicBezTo>
                  <a:pt x="18957" y="13372"/>
                  <a:pt x="19331" y="12999"/>
                  <a:pt x="19331" y="12538"/>
                </a:cubicBezTo>
                <a:cubicBezTo>
                  <a:pt x="19331" y="920"/>
                  <a:pt x="19331" y="920"/>
                  <a:pt x="19331" y="920"/>
                </a:cubicBezTo>
                <a:cubicBezTo>
                  <a:pt x="19331" y="459"/>
                  <a:pt x="18957" y="86"/>
                  <a:pt x="18497" y="86"/>
                </a:cubicBezTo>
                <a:close/>
                <a:moveTo>
                  <a:pt x="19015" y="12538"/>
                </a:moveTo>
                <a:cubicBezTo>
                  <a:pt x="19015" y="12824"/>
                  <a:pt x="18783" y="13056"/>
                  <a:pt x="18497" y="13056"/>
                </a:cubicBezTo>
                <a:cubicBezTo>
                  <a:pt x="834" y="13056"/>
                  <a:pt x="834" y="13056"/>
                  <a:pt x="834" y="13056"/>
                </a:cubicBezTo>
                <a:cubicBezTo>
                  <a:pt x="548" y="13056"/>
                  <a:pt x="315" y="12824"/>
                  <a:pt x="315" y="12538"/>
                </a:cubicBezTo>
                <a:cubicBezTo>
                  <a:pt x="315" y="920"/>
                  <a:pt x="315" y="920"/>
                  <a:pt x="315" y="920"/>
                </a:cubicBezTo>
                <a:cubicBezTo>
                  <a:pt x="315" y="634"/>
                  <a:pt x="548" y="401"/>
                  <a:pt x="834" y="401"/>
                </a:cubicBezTo>
                <a:cubicBezTo>
                  <a:pt x="18497" y="401"/>
                  <a:pt x="18497" y="401"/>
                  <a:pt x="18497" y="401"/>
                </a:cubicBezTo>
                <a:cubicBezTo>
                  <a:pt x="18783" y="401"/>
                  <a:pt x="19015" y="634"/>
                  <a:pt x="19015" y="920"/>
                </a:cubicBezTo>
                <a:lnTo>
                  <a:pt x="19015" y="12538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4" name="Picture placeholder JU 5 [PHJU]">
            <a:extLst>
              <a:ext uri="{FF2B5EF4-FFF2-40B4-BE49-F238E27FC236}">
                <a16:creationId xmlns:a16="http://schemas.microsoft.com/office/drawing/2014/main" id="{09AF5C42-98E2-6747-36A4-83C164631045}"/>
              </a:ext>
            </a:extLst>
          </p:cNvPr>
          <p:cNvSpPr>
            <a:spLocks noGrp="1" noSelect="1"/>
          </p:cNvSpPr>
          <p:nvPr>
            <p:ph type="pic" idx="10" hasCustomPrompt="1"/>
          </p:nvPr>
        </p:nvSpPr>
        <p:spPr>
          <a:xfrm>
            <a:off x="3127377" y="1433513"/>
            <a:ext cx="5935662" cy="4017963"/>
          </a:xfrm>
          <a:custGeom>
            <a:avLst/>
            <a:gdLst>
              <a:gd name="connsiteX0" fmla="*/ 164738 w 5935662"/>
              <a:gd name="connsiteY0" fmla="*/ 0 h 4017963"/>
              <a:gd name="connsiteX1" fmla="*/ 166106 w 5935662"/>
              <a:gd name="connsiteY1" fmla="*/ 0 h 4017963"/>
              <a:gd name="connsiteX2" fmla="*/ 175688 w 5935662"/>
              <a:gd name="connsiteY2" fmla="*/ 0 h 4017963"/>
              <a:gd name="connsiteX3" fmla="*/ 201695 w 5935662"/>
              <a:gd name="connsiteY3" fmla="*/ 0 h 4017963"/>
              <a:gd name="connsiteX4" fmla="*/ 252339 w 5935662"/>
              <a:gd name="connsiteY4" fmla="*/ 0 h 4017963"/>
              <a:gd name="connsiteX5" fmla="*/ 335835 w 5935662"/>
              <a:gd name="connsiteY5" fmla="*/ 0 h 4017963"/>
              <a:gd name="connsiteX6" fmla="*/ 392468 w 5935662"/>
              <a:gd name="connsiteY6" fmla="*/ 0 h 4017963"/>
              <a:gd name="connsiteX7" fmla="*/ 460393 w 5935662"/>
              <a:gd name="connsiteY7" fmla="*/ 0 h 4017963"/>
              <a:gd name="connsiteX8" fmla="*/ 540638 w 5935662"/>
              <a:gd name="connsiteY8" fmla="*/ 0 h 4017963"/>
              <a:gd name="connsiteX9" fmla="*/ 634228 w 5935662"/>
              <a:gd name="connsiteY9" fmla="*/ 0 h 4017963"/>
              <a:gd name="connsiteX10" fmla="*/ 742190 w 5935662"/>
              <a:gd name="connsiteY10" fmla="*/ 0 h 4017963"/>
              <a:gd name="connsiteX11" fmla="*/ 865551 w 5935662"/>
              <a:gd name="connsiteY11" fmla="*/ 0 h 4017963"/>
              <a:gd name="connsiteX12" fmla="*/ 1005337 w 5935662"/>
              <a:gd name="connsiteY12" fmla="*/ 0 h 4017963"/>
              <a:gd name="connsiteX13" fmla="*/ 1162575 w 5935662"/>
              <a:gd name="connsiteY13" fmla="*/ 0 h 4017963"/>
              <a:gd name="connsiteX14" fmla="*/ 1338292 w 5935662"/>
              <a:gd name="connsiteY14" fmla="*/ 0 h 4017963"/>
              <a:gd name="connsiteX15" fmla="*/ 1533513 w 5935662"/>
              <a:gd name="connsiteY15" fmla="*/ 0 h 4017963"/>
              <a:gd name="connsiteX16" fmla="*/ 1749266 w 5935662"/>
              <a:gd name="connsiteY16" fmla="*/ 0 h 4017963"/>
              <a:gd name="connsiteX17" fmla="*/ 1986578 w 5935662"/>
              <a:gd name="connsiteY17" fmla="*/ 0 h 4017963"/>
              <a:gd name="connsiteX18" fmla="*/ 2246474 w 5935662"/>
              <a:gd name="connsiteY18" fmla="*/ 0 h 4017963"/>
              <a:gd name="connsiteX19" fmla="*/ 2529981 w 5935662"/>
              <a:gd name="connsiteY19" fmla="*/ 0 h 4017963"/>
              <a:gd name="connsiteX20" fmla="*/ 2838127 w 5935662"/>
              <a:gd name="connsiteY20" fmla="*/ 0 h 4017963"/>
              <a:gd name="connsiteX21" fmla="*/ 3171937 w 5935662"/>
              <a:gd name="connsiteY21" fmla="*/ 0 h 4017963"/>
              <a:gd name="connsiteX22" fmla="*/ 3532438 w 5935662"/>
              <a:gd name="connsiteY22" fmla="*/ 0 h 4017963"/>
              <a:gd name="connsiteX23" fmla="*/ 3920657 w 5935662"/>
              <a:gd name="connsiteY23" fmla="*/ 0 h 4017963"/>
              <a:gd name="connsiteX24" fmla="*/ 4337620 w 5935662"/>
              <a:gd name="connsiteY24" fmla="*/ 0 h 4017963"/>
              <a:gd name="connsiteX25" fmla="*/ 4784354 w 5935662"/>
              <a:gd name="connsiteY25" fmla="*/ 0 h 4017963"/>
              <a:gd name="connsiteX26" fmla="*/ 5261886 w 5935662"/>
              <a:gd name="connsiteY26" fmla="*/ 0 h 4017963"/>
              <a:gd name="connsiteX27" fmla="*/ 5771241 w 5935662"/>
              <a:gd name="connsiteY27" fmla="*/ 0 h 4017963"/>
              <a:gd name="connsiteX28" fmla="*/ 5935662 w 5935662"/>
              <a:gd name="connsiteY28" fmla="*/ 164783 h 4017963"/>
              <a:gd name="connsiteX29" fmla="*/ 5935662 w 5935662"/>
              <a:gd name="connsiteY29" fmla="*/ 3853498 h 4017963"/>
              <a:gd name="connsiteX30" fmla="*/ 5771241 w 5935662"/>
              <a:gd name="connsiteY30" fmla="*/ 4017963 h 4017963"/>
              <a:gd name="connsiteX31" fmla="*/ 5769872 w 5935662"/>
              <a:gd name="connsiteY31" fmla="*/ 4017963 h 4017963"/>
              <a:gd name="connsiteX32" fmla="*/ 5760291 w 5935662"/>
              <a:gd name="connsiteY32" fmla="*/ 4017963 h 4017963"/>
              <a:gd name="connsiteX33" fmla="*/ 5734284 w 5935662"/>
              <a:gd name="connsiteY33" fmla="*/ 4017963 h 4017963"/>
              <a:gd name="connsiteX34" fmla="*/ 5683639 w 5935662"/>
              <a:gd name="connsiteY34" fmla="*/ 4017963 h 4017963"/>
              <a:gd name="connsiteX35" fmla="*/ 5600144 w 5935662"/>
              <a:gd name="connsiteY35" fmla="*/ 4017963 h 4017963"/>
              <a:gd name="connsiteX36" fmla="*/ 5543511 w 5935662"/>
              <a:gd name="connsiteY36" fmla="*/ 4017963 h 4017963"/>
              <a:gd name="connsiteX37" fmla="*/ 5475586 w 5935662"/>
              <a:gd name="connsiteY37" fmla="*/ 4017963 h 4017963"/>
              <a:gd name="connsiteX38" fmla="*/ 5395341 w 5935662"/>
              <a:gd name="connsiteY38" fmla="*/ 4017963 h 4017963"/>
              <a:gd name="connsiteX39" fmla="*/ 5301751 w 5935662"/>
              <a:gd name="connsiteY39" fmla="*/ 4017963 h 4017963"/>
              <a:gd name="connsiteX40" fmla="*/ 5193789 w 5935662"/>
              <a:gd name="connsiteY40" fmla="*/ 4017963 h 4017963"/>
              <a:gd name="connsiteX41" fmla="*/ 5070428 w 5935662"/>
              <a:gd name="connsiteY41" fmla="*/ 4017963 h 4017963"/>
              <a:gd name="connsiteX42" fmla="*/ 4930642 w 5935662"/>
              <a:gd name="connsiteY42" fmla="*/ 4017963 h 4017963"/>
              <a:gd name="connsiteX43" fmla="*/ 4773404 w 5935662"/>
              <a:gd name="connsiteY43" fmla="*/ 4017963 h 4017963"/>
              <a:gd name="connsiteX44" fmla="*/ 4597688 w 5935662"/>
              <a:gd name="connsiteY44" fmla="*/ 4017963 h 4017963"/>
              <a:gd name="connsiteX45" fmla="*/ 4402466 w 5935662"/>
              <a:gd name="connsiteY45" fmla="*/ 4017963 h 4017963"/>
              <a:gd name="connsiteX46" fmla="*/ 4186713 w 5935662"/>
              <a:gd name="connsiteY46" fmla="*/ 4017963 h 4017963"/>
              <a:gd name="connsiteX47" fmla="*/ 3949401 w 5935662"/>
              <a:gd name="connsiteY47" fmla="*/ 4017963 h 4017963"/>
              <a:gd name="connsiteX48" fmla="*/ 3689505 w 5935662"/>
              <a:gd name="connsiteY48" fmla="*/ 4017963 h 4017963"/>
              <a:gd name="connsiteX49" fmla="*/ 3405998 w 5935662"/>
              <a:gd name="connsiteY49" fmla="*/ 4017963 h 4017963"/>
              <a:gd name="connsiteX50" fmla="*/ 3097852 w 5935662"/>
              <a:gd name="connsiteY50" fmla="*/ 4017963 h 4017963"/>
              <a:gd name="connsiteX51" fmla="*/ 2764042 w 5935662"/>
              <a:gd name="connsiteY51" fmla="*/ 4017963 h 4017963"/>
              <a:gd name="connsiteX52" fmla="*/ 2403541 w 5935662"/>
              <a:gd name="connsiteY52" fmla="*/ 4017963 h 4017963"/>
              <a:gd name="connsiteX53" fmla="*/ 2015322 w 5935662"/>
              <a:gd name="connsiteY53" fmla="*/ 4017963 h 4017963"/>
              <a:gd name="connsiteX54" fmla="*/ 1598359 w 5935662"/>
              <a:gd name="connsiteY54" fmla="*/ 4017963 h 4017963"/>
              <a:gd name="connsiteX55" fmla="*/ 1151625 w 5935662"/>
              <a:gd name="connsiteY55" fmla="*/ 4017963 h 4017963"/>
              <a:gd name="connsiteX56" fmla="*/ 674093 w 5935662"/>
              <a:gd name="connsiteY56" fmla="*/ 4017963 h 4017963"/>
              <a:gd name="connsiteX57" fmla="*/ 164738 w 5935662"/>
              <a:gd name="connsiteY57" fmla="*/ 4017963 h 4017963"/>
              <a:gd name="connsiteX58" fmla="*/ 12974 w 5935662"/>
              <a:gd name="connsiteY58" fmla="*/ 3917504 h 4017963"/>
              <a:gd name="connsiteX59" fmla="*/ 0 w 5935662"/>
              <a:gd name="connsiteY59" fmla="*/ 3853503 h 4017963"/>
              <a:gd name="connsiteX60" fmla="*/ 0 w 5935662"/>
              <a:gd name="connsiteY60" fmla="*/ 164778 h 4017963"/>
              <a:gd name="connsiteX61" fmla="*/ 12974 w 5935662"/>
              <a:gd name="connsiteY61" fmla="*/ 100727 h 4017963"/>
              <a:gd name="connsiteX62" fmla="*/ 164738 w 5935662"/>
              <a:gd name="connsiteY62" fmla="*/ 0 h 401796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</a:cxnLst>
            <a:rect l="l" t="t" r="r" b="b"/>
            <a:pathLst>
              <a:path w="5935662" h="4017963">
                <a:moveTo>
                  <a:pt x="164738" y="0"/>
                </a:moveTo>
                <a:lnTo>
                  <a:pt x="166106" y="0"/>
                </a:lnTo>
                <a:lnTo>
                  <a:pt x="175688" y="0"/>
                </a:lnTo>
                <a:lnTo>
                  <a:pt x="201695" y="0"/>
                </a:lnTo>
                <a:lnTo>
                  <a:pt x="252339" y="0"/>
                </a:lnTo>
                <a:lnTo>
                  <a:pt x="335835" y="0"/>
                </a:lnTo>
                <a:lnTo>
                  <a:pt x="392468" y="0"/>
                </a:lnTo>
                <a:lnTo>
                  <a:pt x="460393" y="0"/>
                </a:lnTo>
                <a:lnTo>
                  <a:pt x="540638" y="0"/>
                </a:lnTo>
                <a:lnTo>
                  <a:pt x="634228" y="0"/>
                </a:lnTo>
                <a:lnTo>
                  <a:pt x="742190" y="0"/>
                </a:lnTo>
                <a:lnTo>
                  <a:pt x="865551" y="0"/>
                </a:lnTo>
                <a:lnTo>
                  <a:pt x="1005337" y="0"/>
                </a:lnTo>
                <a:lnTo>
                  <a:pt x="1162575" y="0"/>
                </a:lnTo>
                <a:lnTo>
                  <a:pt x="1338292" y="0"/>
                </a:lnTo>
                <a:lnTo>
                  <a:pt x="1533513" y="0"/>
                </a:lnTo>
                <a:lnTo>
                  <a:pt x="1749266" y="0"/>
                </a:lnTo>
                <a:lnTo>
                  <a:pt x="1986578" y="0"/>
                </a:lnTo>
                <a:lnTo>
                  <a:pt x="2246474" y="0"/>
                </a:lnTo>
                <a:lnTo>
                  <a:pt x="2529981" y="0"/>
                </a:lnTo>
                <a:lnTo>
                  <a:pt x="2838127" y="0"/>
                </a:lnTo>
                <a:lnTo>
                  <a:pt x="3171937" y="0"/>
                </a:lnTo>
                <a:lnTo>
                  <a:pt x="3532438" y="0"/>
                </a:lnTo>
                <a:lnTo>
                  <a:pt x="3920657" y="0"/>
                </a:lnTo>
                <a:lnTo>
                  <a:pt x="4337620" y="0"/>
                </a:lnTo>
                <a:lnTo>
                  <a:pt x="4784354" y="0"/>
                </a:lnTo>
                <a:lnTo>
                  <a:pt x="5261886" y="0"/>
                </a:lnTo>
                <a:lnTo>
                  <a:pt x="5771241" y="0"/>
                </a:lnTo>
                <a:cubicBezTo>
                  <a:pt x="5862021" y="0"/>
                  <a:pt x="5935662" y="73978"/>
                  <a:pt x="5935662" y="164783"/>
                </a:cubicBezTo>
                <a:cubicBezTo>
                  <a:pt x="5935662" y="164783"/>
                  <a:pt x="5935662" y="164783"/>
                  <a:pt x="5935662" y="3853498"/>
                </a:cubicBezTo>
                <a:cubicBezTo>
                  <a:pt x="5935662" y="3944303"/>
                  <a:pt x="5862021" y="4017963"/>
                  <a:pt x="5771241" y="4017963"/>
                </a:cubicBezTo>
                <a:lnTo>
                  <a:pt x="5769872" y="4017963"/>
                </a:lnTo>
                <a:lnTo>
                  <a:pt x="5760291" y="4017963"/>
                </a:lnTo>
                <a:lnTo>
                  <a:pt x="5734284" y="4017963"/>
                </a:lnTo>
                <a:lnTo>
                  <a:pt x="5683639" y="4017963"/>
                </a:lnTo>
                <a:lnTo>
                  <a:pt x="5600144" y="4017963"/>
                </a:lnTo>
                <a:lnTo>
                  <a:pt x="5543511" y="4017963"/>
                </a:lnTo>
                <a:lnTo>
                  <a:pt x="5475586" y="4017963"/>
                </a:lnTo>
                <a:lnTo>
                  <a:pt x="5395341" y="4017963"/>
                </a:lnTo>
                <a:lnTo>
                  <a:pt x="5301751" y="4017963"/>
                </a:lnTo>
                <a:lnTo>
                  <a:pt x="5193789" y="4017963"/>
                </a:lnTo>
                <a:lnTo>
                  <a:pt x="5070428" y="4017963"/>
                </a:lnTo>
                <a:lnTo>
                  <a:pt x="4930642" y="4017963"/>
                </a:lnTo>
                <a:lnTo>
                  <a:pt x="4773404" y="4017963"/>
                </a:lnTo>
                <a:lnTo>
                  <a:pt x="4597688" y="4017963"/>
                </a:lnTo>
                <a:lnTo>
                  <a:pt x="4402466" y="4017963"/>
                </a:lnTo>
                <a:lnTo>
                  <a:pt x="4186713" y="4017963"/>
                </a:lnTo>
                <a:lnTo>
                  <a:pt x="3949401" y="4017963"/>
                </a:lnTo>
                <a:lnTo>
                  <a:pt x="3689505" y="4017963"/>
                </a:lnTo>
                <a:lnTo>
                  <a:pt x="3405998" y="4017963"/>
                </a:lnTo>
                <a:lnTo>
                  <a:pt x="3097852" y="4017963"/>
                </a:lnTo>
                <a:lnTo>
                  <a:pt x="2764042" y="4017963"/>
                </a:lnTo>
                <a:lnTo>
                  <a:pt x="2403541" y="4017963"/>
                </a:lnTo>
                <a:lnTo>
                  <a:pt x="2015322" y="4017963"/>
                </a:lnTo>
                <a:lnTo>
                  <a:pt x="1598359" y="4017963"/>
                </a:lnTo>
                <a:lnTo>
                  <a:pt x="1151625" y="4017963"/>
                </a:lnTo>
                <a:lnTo>
                  <a:pt x="674093" y="4017963"/>
                </a:lnTo>
                <a:lnTo>
                  <a:pt x="164738" y="4017963"/>
                </a:lnTo>
                <a:cubicBezTo>
                  <a:pt x="96652" y="4017963"/>
                  <a:pt x="38030" y="3976529"/>
                  <a:pt x="12974" y="3917504"/>
                </a:cubicBezTo>
                <a:lnTo>
                  <a:pt x="0" y="3853503"/>
                </a:lnTo>
                <a:lnTo>
                  <a:pt x="0" y="164778"/>
                </a:lnTo>
                <a:lnTo>
                  <a:pt x="12974" y="100727"/>
                </a:lnTo>
                <a:cubicBezTo>
                  <a:pt x="38030" y="41612"/>
                  <a:pt x="96652" y="0"/>
                  <a:pt x="164738" y="0"/>
                </a:cubicBezTo>
                <a:close/>
              </a:path>
            </a:pathLst>
          </a:custGeom>
          <a:noFill/>
          <a:ln/>
        </p:spPr>
        <p:txBody>
          <a:bodyPr wrap="square" lIns="0" tIns="0" rIns="0" bIns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Tx/>
              <a:buNone/>
              <a:defRPr sz="2200"/>
            </a:lvl1pPr>
          </a:lstStyle>
          <a:p>
            <a:r>
              <a:rPr lang="en-GB"/>
              <a:t>[Picture]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6604312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[Bullet list]">
    <p:bg>
      <p:bgPr>
        <a:solidFill>
          <a:srgbClr val="E9ADE5">
            <a:alpha val="30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1 [PHJU] (JU-Free)">
            <a:extLst>
              <a:ext uri="{FF2B5EF4-FFF2-40B4-BE49-F238E27FC236}">
                <a16:creationId xmlns:a16="http://schemas.microsoft.com/office/drawing/2014/main" id="{7B9012C5-0390-C9F7-AF4F-B16599519EE3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904320" y="1283040"/>
            <a:ext cx="5127480" cy="43704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/>
            </a:lvl1pPr>
            <a:lvl2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2pPr>
            <a:lvl3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3pPr>
            <a:lvl4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4pPr>
            <a:lvl5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5pPr>
            <a:lvl6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6pPr>
            <a:lvl7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7pPr>
            <a:lvl8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8pPr>
            <a:lvl9pPr marL="0" marR="0" indent="0" algn="l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kumimoji="0" sz="1400" b="0" i="0" u="none" baseline="0">
                <a:solidFill>
                  <a:schemeClr val="tx1">
                    <a:lumMod val="100000"/>
                  </a:schemeClr>
                </a:solidFill>
                <a:latin typeface="Roboto" panose="02000000000000000000" pitchFamily="2" charset="0"/>
              </a:defRPr>
            </a:lvl9pPr>
          </a:lstStyle>
          <a:p>
            <a:pPr lvl="0"/>
            <a:r>
              <a:rPr lang="en-GB" dirty="0"/>
              <a:t>[Insert object(s)]</a:t>
            </a:r>
          </a:p>
          <a:p>
            <a:pPr lvl="0"/>
            <a:r>
              <a:rPr lang="en-GB" dirty="0"/>
              <a:t>JU-LEVEL1=Standard</a:t>
            </a:r>
          </a:p>
        </p:txBody>
      </p:sp>
      <p:sp>
        <p:nvSpPr>
          <p:cNvPr id="4" name="Frame text 2 [PHJU]">
            <a:extLst>
              <a:ext uri="{FF2B5EF4-FFF2-40B4-BE49-F238E27FC236}">
                <a16:creationId xmlns:a16="http://schemas.microsoft.com/office/drawing/2014/main" id="{2E7E177E-762C-B89E-72C4-15747DC75507}"/>
              </a:ext>
            </a:extLst>
          </p:cNvPr>
          <p:cNvSpPr>
            <a:spLocks noGrp="1" noSelect="1"/>
          </p:cNvSpPr>
          <p:nvPr>
            <p:ph type="body" sz="quarter" idx="16" hasCustomPrompt="1"/>
          </p:nvPr>
        </p:nvSpPr>
        <p:spPr>
          <a:xfrm>
            <a:off x="6100028" y="1282997"/>
            <a:ext cx="5127480" cy="43703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[Text]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0891224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pn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8.xml"/><Relationship Id="rId13" Type="http://schemas.openxmlformats.org/officeDocument/2006/relationships/slideLayout" Target="../slideLayouts/slideLayout33.xml"/><Relationship Id="rId3" Type="http://schemas.openxmlformats.org/officeDocument/2006/relationships/slideLayout" Target="../slideLayouts/slideLayout23.xml"/><Relationship Id="rId7" Type="http://schemas.openxmlformats.org/officeDocument/2006/relationships/slideLayout" Target="../slideLayouts/slideLayout27.xml"/><Relationship Id="rId12" Type="http://schemas.openxmlformats.org/officeDocument/2006/relationships/slideLayout" Target="../slideLayouts/slideLayout32.xml"/><Relationship Id="rId2" Type="http://schemas.openxmlformats.org/officeDocument/2006/relationships/slideLayout" Target="../slideLayouts/slideLayout22.xml"/><Relationship Id="rId1" Type="http://schemas.openxmlformats.org/officeDocument/2006/relationships/slideLayout" Target="../slideLayouts/slideLayout21.xml"/><Relationship Id="rId6" Type="http://schemas.openxmlformats.org/officeDocument/2006/relationships/slideLayout" Target="../slideLayouts/slideLayout26.xml"/><Relationship Id="rId11" Type="http://schemas.openxmlformats.org/officeDocument/2006/relationships/slideLayout" Target="../slideLayouts/slideLayout31.xml"/><Relationship Id="rId5" Type="http://schemas.openxmlformats.org/officeDocument/2006/relationships/slideLayout" Target="../slideLayouts/slideLayout25.xml"/><Relationship Id="rId10" Type="http://schemas.openxmlformats.org/officeDocument/2006/relationships/slideLayout" Target="../slideLayouts/slideLayout30.xml"/><Relationship Id="rId4" Type="http://schemas.openxmlformats.org/officeDocument/2006/relationships/slideLayout" Target="../slideLayouts/slideLayout24.xml"/><Relationship Id="rId9" Type="http://schemas.openxmlformats.org/officeDocument/2006/relationships/slideLayout" Target="../slideLayouts/slideLayout29.xml"/><Relationship Id="rId14" Type="http://schemas.openxmlformats.org/officeDocument/2006/relationships/theme" Target="../theme/theme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 noSelect="1"/>
          </p:cNvSpPr>
          <p:nvPr>
            <p:ph type="title"/>
          </p:nvPr>
        </p:nvSpPr>
        <p:spPr>
          <a:xfrm>
            <a:off x="1371600" y="536760"/>
            <a:ext cx="9482040" cy="446040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/>
          <a:p>
            <a:r>
              <a:rPr lang="en-GB"/>
              <a:t>[</a:t>
            </a:r>
            <a:r>
              <a:rPr lang="en-GB" noProof="0"/>
              <a:t>Title</a:t>
            </a:r>
            <a:r>
              <a:rPr lang="en-GB"/>
              <a:t>]</a:t>
            </a:r>
            <a:endParaRPr lang="en-GB" dirty="0"/>
          </a:p>
        </p:txBody>
      </p:sp>
      <p:sp>
        <p:nvSpPr>
          <p:cNvPr id="3" name="Placeholder 2 (JU-Free)"/>
          <p:cNvSpPr>
            <a:spLocks noGrp="1"/>
          </p:cNvSpPr>
          <p:nvPr>
            <p:ph type="body" idx="1"/>
          </p:nvPr>
        </p:nvSpPr>
        <p:spPr>
          <a:xfrm>
            <a:off x="1371600" y="2109288"/>
            <a:ext cx="9482040" cy="401071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/>
              <a:t>JU-LEVEL1=List 1st level</a:t>
            </a:r>
          </a:p>
          <a:p>
            <a:pPr lvl="1"/>
            <a:r>
              <a:rPr lang="en-GB"/>
              <a:t>JU-LEVEL2=List 2nd level</a:t>
            </a:r>
          </a:p>
          <a:p>
            <a:pPr lvl="2"/>
            <a:r>
              <a:rPr lang="en-GB"/>
              <a:t>JU-LEVEL3=List 3rd level</a:t>
            </a:r>
          </a:p>
          <a:p>
            <a:pPr lvl="3"/>
            <a:r>
              <a:rPr lang="en-GB"/>
              <a:t>JU-LEVEL4=Heading</a:t>
            </a:r>
          </a:p>
          <a:p>
            <a:pPr lvl="4"/>
            <a:r>
              <a:rPr lang="en-GB"/>
              <a:t>JU-LEVEL5=Body text</a:t>
            </a:r>
          </a:p>
          <a:p>
            <a:pPr lvl="5"/>
            <a:r>
              <a:rPr lang="en-GB"/>
              <a:t>JU-LEVEL6=Indent 1st level</a:t>
            </a:r>
          </a:p>
          <a:p>
            <a:pPr lvl="6"/>
            <a:r>
              <a:rPr lang="en-GB"/>
              <a:t>JU-LEVEL7=Indent 2nd level</a:t>
            </a:r>
          </a:p>
          <a:p>
            <a:pPr lvl="7"/>
            <a:r>
              <a:rPr lang="en-GB"/>
              <a:t>JU-LEVEL8=</a:t>
            </a:r>
            <a:r>
              <a:rPr lang="en-GB" noProof="1"/>
              <a:t>Indent 3rd level</a:t>
            </a:r>
            <a:endParaRPr lang="en-GB" dirty="0"/>
          </a:p>
        </p:txBody>
      </p:sp>
      <p:sp>
        <p:nvSpPr>
          <p:cNvPr id="4" name="Date Placeholder 3"/>
          <p:cNvSpPr>
            <a:spLocks noGrp="1" noSelect="1"/>
          </p:cNvSpPr>
          <p:nvPr>
            <p:ph type="dt" sz="half" idx="2"/>
          </p:nvPr>
        </p:nvSpPr>
        <p:spPr>
          <a:xfrm>
            <a:off x="9165124" y="6356350"/>
            <a:ext cx="1260000" cy="252000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algn="r">
              <a:defRPr sz="1000">
                <a:solidFill>
                  <a:schemeClr val="tx1"/>
                </a:solidFill>
              </a:defRPr>
            </a:lvl1pPr>
          </a:lstStyle>
          <a:p>
            <a:fld id="{7703D7CD-B121-42A5-8C50-3A1F5DD6895B}" type="datetimeFigureOut">
              <a:rPr lang="en-GB" smtClean="0"/>
              <a:pPr/>
              <a:t>10/05/2023</a:t>
            </a:fld>
            <a:endParaRPr lang="en-GB" dirty="0"/>
          </a:p>
        </p:txBody>
      </p:sp>
      <p:sp>
        <p:nvSpPr>
          <p:cNvPr id="5" name="Footer Placeholder 4"/>
          <p:cNvSpPr>
            <a:spLocks noGrp="1" noSelect="1"/>
          </p:cNvSpPr>
          <p:nvPr>
            <p:ph type="ftr" sz="quarter" idx="3"/>
          </p:nvPr>
        </p:nvSpPr>
        <p:spPr>
          <a:xfrm>
            <a:off x="1371600" y="6356350"/>
            <a:ext cx="5648400" cy="252000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 noSelect="1"/>
          </p:cNvSpPr>
          <p:nvPr>
            <p:ph type="sldNum" sz="quarter" idx="4"/>
          </p:nvPr>
        </p:nvSpPr>
        <p:spPr>
          <a:xfrm>
            <a:off x="10464840" y="6356350"/>
            <a:ext cx="388800" cy="252000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r>
              <a:rPr lang="en-GB"/>
              <a:t>| </a:t>
            </a:r>
            <a:fld id="{8F18802B-E4C7-4B2D-B37A-6B7CC3C134EA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5585301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5" r:id="rId1"/>
    <p:sldLayoutId id="2147483676" r:id="rId2"/>
    <p:sldLayoutId id="2147483660" r:id="rId3"/>
    <p:sldLayoutId id="2147483661" r:id="rId4"/>
    <p:sldLayoutId id="2147483662" r:id="rId5"/>
    <p:sldLayoutId id="2147483663" r:id="rId6"/>
    <p:sldLayoutId id="2147483652" r:id="rId7"/>
    <p:sldLayoutId id="2147483677" r:id="rId8"/>
    <p:sldLayoutId id="2147483666" r:id="rId9"/>
    <p:sldLayoutId id="2147483667" r:id="rId10"/>
    <p:sldLayoutId id="2147483668" r:id="rId11"/>
    <p:sldLayoutId id="2147483678" r:id="rId12"/>
    <p:sldLayoutId id="2147483670" r:id="rId13"/>
    <p:sldLayoutId id="2147483649" r:id="rId14"/>
    <p:sldLayoutId id="2147483655" r:id="rId15"/>
    <p:sldLayoutId id="2147483672" r:id="rId16"/>
    <p:sldLayoutId id="2147483673" r:id="rId17"/>
    <p:sldLayoutId id="2147483674" r:id="rId18"/>
    <p:sldLayoutId id="2147483680" r:id="rId19"/>
    <p:sldLayoutId id="2147483679" r:id="rId20"/>
  </p:sldLayoutIdLst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400" b="0" kern="1200">
          <a:solidFill>
            <a:schemeClr val="tx1"/>
          </a:solidFill>
          <a:latin typeface="Maison Neue Bold" panose="020B0804040000000000" pitchFamily="34" charset="0"/>
          <a:ea typeface="+mj-ea"/>
          <a:cs typeface="+mj-cs"/>
        </a:defRPr>
      </a:lvl1pPr>
    </p:titleStyle>
    <p:bodyStyle>
      <a:lvl1pPr marL="468000" indent="-468000" algn="l" defTabSz="914400" rtl="0" eaLnBrk="1" latinLnBrk="0" hangingPunct="1">
        <a:lnSpc>
          <a:spcPct val="100000"/>
        </a:lnSpc>
        <a:spcBef>
          <a:spcPts val="0"/>
        </a:spcBef>
        <a:buSzPct val="120000"/>
        <a:buFontTx/>
        <a:buBlip>
          <a:blip r:embed="rId22"/>
        </a:buBlip>
        <a:defRPr sz="1400" kern="1200">
          <a:solidFill>
            <a:schemeClr val="tx1"/>
          </a:solidFill>
          <a:latin typeface="Roboto" panose="02000000000000000000" pitchFamily="2" charset="0"/>
          <a:ea typeface="Roboto" panose="02000000000000000000" pitchFamily="2" charset="0"/>
          <a:cs typeface="+mn-cs"/>
        </a:defRPr>
      </a:lvl1pPr>
      <a:lvl2pPr marL="936000" indent="-468000" algn="l" defTabSz="914400" rtl="0" eaLnBrk="1" latinLnBrk="0" hangingPunct="1">
        <a:lnSpc>
          <a:spcPct val="100000"/>
        </a:lnSpc>
        <a:spcBef>
          <a:spcPts val="0"/>
        </a:spcBef>
        <a:buSzPct val="120000"/>
        <a:buFontTx/>
        <a:buBlip>
          <a:blip r:embed="rId22"/>
        </a:buBlip>
        <a:defRPr sz="1400" kern="1200" baseline="0">
          <a:solidFill>
            <a:schemeClr val="tx1"/>
          </a:solidFill>
          <a:latin typeface="Roboto" panose="02000000000000000000" pitchFamily="2" charset="0"/>
          <a:ea typeface="Roboto" panose="02000000000000000000" pitchFamily="2" charset="0"/>
          <a:cs typeface="+mn-cs"/>
        </a:defRPr>
      </a:lvl2pPr>
      <a:lvl3pPr marL="1404000" indent="-468000" algn="l" defTabSz="914400" rtl="0" eaLnBrk="1" latinLnBrk="0" hangingPunct="1">
        <a:lnSpc>
          <a:spcPct val="100000"/>
        </a:lnSpc>
        <a:spcBef>
          <a:spcPts val="0"/>
        </a:spcBef>
        <a:buSzPct val="120000"/>
        <a:buFontTx/>
        <a:buBlip>
          <a:blip r:embed="rId22"/>
        </a:buBlip>
        <a:defRPr sz="1400" kern="1200">
          <a:solidFill>
            <a:schemeClr val="tx1"/>
          </a:solidFill>
          <a:latin typeface="Roboto" panose="02000000000000000000" pitchFamily="2" charset="0"/>
          <a:ea typeface="Roboto" panose="02000000000000000000" pitchFamily="2" charset="0"/>
          <a:cs typeface="+mn-cs"/>
        </a:defRPr>
      </a:lvl3pPr>
      <a:lvl4pPr marL="0" indent="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None/>
        <a:defRPr sz="1400" b="1" kern="1200">
          <a:solidFill>
            <a:schemeClr val="tx1"/>
          </a:solidFill>
          <a:latin typeface="Roboto" panose="02000000000000000000" pitchFamily="2" charset="0"/>
          <a:ea typeface="Roboto" panose="02000000000000000000" pitchFamily="2" charset="0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None/>
        <a:defRPr sz="1400" kern="1200">
          <a:solidFill>
            <a:schemeClr val="tx1"/>
          </a:solidFill>
          <a:latin typeface="Roboto" panose="02000000000000000000" pitchFamily="2" charset="0"/>
          <a:ea typeface="Roboto" panose="02000000000000000000" pitchFamily="2" charset="0"/>
          <a:cs typeface="+mn-cs"/>
        </a:defRPr>
      </a:lvl5pPr>
      <a:lvl6pPr marL="468000" indent="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None/>
        <a:defRPr sz="1400" kern="1200">
          <a:solidFill>
            <a:schemeClr val="tx1"/>
          </a:solidFill>
          <a:latin typeface="Roboto" panose="02000000000000000000" pitchFamily="2" charset="0"/>
          <a:ea typeface="Roboto" panose="02000000000000000000" pitchFamily="2" charset="0"/>
          <a:cs typeface="+mn-cs"/>
        </a:defRPr>
      </a:lvl6pPr>
      <a:lvl7pPr marL="936000" indent="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None/>
        <a:defRPr sz="1400" kern="1200">
          <a:solidFill>
            <a:schemeClr val="tx1"/>
          </a:solidFill>
          <a:latin typeface="Roboto" panose="02000000000000000000" pitchFamily="2" charset="0"/>
          <a:ea typeface="Roboto" panose="02000000000000000000" pitchFamily="2" charset="0"/>
          <a:cs typeface="+mn-cs"/>
        </a:defRPr>
      </a:lvl7pPr>
      <a:lvl8pPr marL="1404000" indent="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None/>
        <a:defRPr sz="1400" kern="1200">
          <a:solidFill>
            <a:schemeClr val="tx1"/>
          </a:solidFill>
          <a:latin typeface="Roboto" panose="02000000000000000000" pitchFamily="2" charset="0"/>
          <a:ea typeface="Roboto" panose="02000000000000000000" pitchFamily="2" charset="0"/>
          <a:cs typeface="+mn-cs"/>
        </a:defRPr>
      </a:lvl8pPr>
      <a:lvl9pPr marL="0" indent="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None/>
        <a:defRPr sz="1400" kern="1200">
          <a:solidFill>
            <a:schemeClr val="tx1"/>
          </a:solidFill>
          <a:latin typeface="Roboto" panose="02000000000000000000" pitchFamily="2" charset="0"/>
          <a:ea typeface="Roboto" panose="02000000000000000000" pitchFamily="2" charset="0"/>
          <a:cs typeface="+mn-cs"/>
        </a:defRPr>
      </a:lvl9pPr>
    </p:bodyStyle>
    <p:otherStyle>
      <a:defPPr>
        <a:defRPr lang="nl-NL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C0C2DC3A-A602-BA49-A5CB-3D83D186526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7A44B14-67AA-864C-9ADD-E37AF2ABED8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E2920A9-C7D8-D9A4-0DFF-D376443371C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703D7CD-B121-42A5-8C50-3A1F5DD6895B}" type="datetimeFigureOut">
              <a:rPr lang="en-GB" smtClean="0"/>
              <a:pPr/>
              <a:t>10/05/2023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3971842-E888-695C-A8FD-4DC32C6CD70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74ED686-D551-1004-9352-C28D31C1FEB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GB"/>
              <a:t>| </a:t>
            </a:r>
            <a:fld id="{8F18802B-E4C7-4B2D-B37A-6B7CC3C134EA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2992542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2" r:id="rId1"/>
    <p:sldLayoutId id="2147483683" r:id="rId2"/>
    <p:sldLayoutId id="2147483684" r:id="rId3"/>
    <p:sldLayoutId id="2147483685" r:id="rId4"/>
    <p:sldLayoutId id="2147483686" r:id="rId5"/>
    <p:sldLayoutId id="2147483687" r:id="rId6"/>
    <p:sldLayoutId id="2147483688" r:id="rId7"/>
    <p:sldLayoutId id="2147483689" r:id="rId8"/>
    <p:sldLayoutId id="2147483690" r:id="rId9"/>
    <p:sldLayoutId id="2147483691" r:id="rId10"/>
    <p:sldLayoutId id="2147483692" r:id="rId11"/>
    <p:sldLayoutId id="2147483693" r:id="rId12"/>
    <p:sldLayoutId id="2147483694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NL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5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6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hyperlink" Target="https://learn.microsoft.com/en-us/azure/templates/" TargetMode="External"/><Relationship Id="rId2" Type="http://schemas.openxmlformats.org/officeDocument/2006/relationships/hyperlink" Target="https://bicepdemo.z22.web.core.windows.net/" TargetMode="External"/><Relationship Id="rId1" Type="http://schemas.openxmlformats.org/officeDocument/2006/relationships/slideLayout" Target="../slideLayouts/slideLayout22.xml"/><Relationship Id="rId6" Type="http://schemas.openxmlformats.org/officeDocument/2006/relationships/hyperlink" Target="https://azure.github.io/bicep-registry-modules/" TargetMode="External"/><Relationship Id="rId5" Type="http://schemas.openxmlformats.org/officeDocument/2006/relationships/hyperlink" Target="https://github.com/Azure/azure-quickstart-templates" TargetMode="External"/><Relationship Id="rId4" Type="http://schemas.openxmlformats.org/officeDocument/2006/relationships/hyperlink" Target="https://learn.microsoft.com/en-us/rest/api/azure/" TargetMode="Externa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hyperlink" Target="https://resources.azure.com/" TargetMode="Externa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3.pn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3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9" name="Rectangle 8">
            <a:extLst>
              <a:ext uri="{FF2B5EF4-FFF2-40B4-BE49-F238E27FC236}">
                <a16:creationId xmlns:a16="http://schemas.microsoft.com/office/drawing/2014/main" id="{8C790BE2-4E4F-4AAF-81A2-4A6F4885EBE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D28B54C3-B57B-472A-B96E-1FCB67093DC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-1" y="0"/>
            <a:ext cx="12191999" cy="6858000"/>
          </a:xfrm>
          <a:prstGeom prst="rect">
            <a:avLst/>
          </a:prstGeom>
          <a:gradFill>
            <a:gsLst>
              <a:gs pos="0">
                <a:schemeClr val="accent1">
                  <a:lumMod val="50000"/>
                </a:schemeClr>
              </a:gs>
              <a:gs pos="100000">
                <a:srgbClr val="000000"/>
              </a:gs>
            </a:gsLst>
            <a:lin ang="13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7DB3C429-F8DA-49B9-AF84-21996FCF78B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>
            <a:off x="0" y="-4"/>
            <a:ext cx="12192000" cy="6402581"/>
          </a:xfrm>
          <a:prstGeom prst="rect">
            <a:avLst/>
          </a:prstGeom>
          <a:gradFill>
            <a:gsLst>
              <a:gs pos="1000">
                <a:schemeClr val="accent1">
                  <a:lumMod val="75000"/>
                  <a:alpha val="59000"/>
                </a:schemeClr>
              </a:gs>
              <a:gs pos="100000">
                <a:srgbClr val="000000"/>
              </a:gs>
            </a:gsLst>
            <a:lin ang="15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E12088DD-B1AD-40E0-8B86-1D87A2CCD9B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2663054" y="-2653923"/>
            <a:ext cx="6858001" cy="12165846"/>
          </a:xfrm>
          <a:prstGeom prst="rect">
            <a:avLst/>
          </a:prstGeom>
          <a:gradFill>
            <a:gsLst>
              <a:gs pos="13000">
                <a:schemeClr val="accent1">
                  <a:lumMod val="50000"/>
                  <a:alpha val="0"/>
                </a:schemeClr>
              </a:gs>
              <a:gs pos="99000">
                <a:srgbClr val="000000">
                  <a:alpha val="28000"/>
                </a:srgbClr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C4C9F2B0-1044-46EB-8AEB-C3BFFDE6C2C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6094763" y="0"/>
            <a:ext cx="6096001" cy="6858000"/>
          </a:xfrm>
          <a:prstGeom prst="rect">
            <a:avLst/>
          </a:prstGeom>
          <a:gradFill>
            <a:gsLst>
              <a:gs pos="13000">
                <a:schemeClr val="accent1">
                  <a:lumMod val="50000"/>
                  <a:alpha val="0"/>
                </a:schemeClr>
              </a:gs>
              <a:gs pos="99000">
                <a:schemeClr val="accent1">
                  <a:lumMod val="75000"/>
                  <a:alpha val="50000"/>
                </a:schemeClr>
              </a:gs>
            </a:gsLst>
            <a:lin ang="6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0C395952-4E26-45A2-8756-2ADFD6E53C6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-4" y="-3"/>
            <a:ext cx="12182871" cy="6871922"/>
          </a:xfrm>
          <a:prstGeom prst="rect">
            <a:avLst/>
          </a:prstGeom>
          <a:gradFill>
            <a:gsLst>
              <a:gs pos="13000">
                <a:srgbClr val="000000">
                  <a:alpha val="35000"/>
                </a:srgbClr>
              </a:gs>
              <a:gs pos="99000">
                <a:schemeClr val="accent1">
                  <a:lumMod val="75000"/>
                  <a:alpha val="0"/>
                </a:schemeClr>
              </a:gs>
            </a:gsLst>
            <a:lin ang="4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1" name="Freeform: Shape 20">
            <a:extLst>
              <a:ext uri="{FF2B5EF4-FFF2-40B4-BE49-F238E27FC236}">
                <a16:creationId xmlns:a16="http://schemas.microsoft.com/office/drawing/2014/main" id="{4734BADF-9461-4621-B112-2D7BABEA7DD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987713" y="4049"/>
            <a:ext cx="10216576" cy="4729040"/>
          </a:xfrm>
          <a:custGeom>
            <a:avLst/>
            <a:gdLst>
              <a:gd name="connsiteX0" fmla="*/ 0 w 10216576"/>
              <a:gd name="connsiteY0" fmla="*/ 0 h 4729040"/>
              <a:gd name="connsiteX1" fmla="*/ 10216576 w 10216576"/>
              <a:gd name="connsiteY1" fmla="*/ 0 h 4729040"/>
              <a:gd name="connsiteX2" fmla="*/ 10210268 w 10216576"/>
              <a:gd name="connsiteY2" fmla="*/ 124944 h 4729040"/>
              <a:gd name="connsiteX3" fmla="*/ 5108288 w 10216576"/>
              <a:gd name="connsiteY3" fmla="*/ 4729040 h 4729040"/>
              <a:gd name="connsiteX4" fmla="*/ 6309 w 10216576"/>
              <a:gd name="connsiteY4" fmla="*/ 124944 h 472904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216576" h="4729040">
                <a:moveTo>
                  <a:pt x="0" y="0"/>
                </a:moveTo>
                <a:lnTo>
                  <a:pt x="10216576" y="0"/>
                </a:lnTo>
                <a:lnTo>
                  <a:pt x="10210268" y="124944"/>
                </a:lnTo>
                <a:cubicBezTo>
                  <a:pt x="9947637" y="2710997"/>
                  <a:pt x="7763635" y="4729040"/>
                  <a:pt x="5108288" y="4729040"/>
                </a:cubicBezTo>
                <a:cubicBezTo>
                  <a:pt x="2452942" y="4729040"/>
                  <a:pt x="268937" y="2710997"/>
                  <a:pt x="6309" y="124944"/>
                </a:cubicBezTo>
                <a:close/>
              </a:path>
            </a:pathLst>
          </a:custGeom>
          <a:gradFill>
            <a:gsLst>
              <a:gs pos="7000">
                <a:schemeClr val="accent1">
                  <a:lumMod val="50000"/>
                  <a:alpha val="4000"/>
                </a:schemeClr>
              </a:gs>
              <a:gs pos="99000">
                <a:schemeClr val="accent1">
                  <a:alpha val="24000"/>
                </a:schemeClr>
              </a:gs>
            </a:gsLst>
            <a:lin ang="10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80C93EA7-BD1E-87FE-8FF0-09CE5F717FC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026693" y="1030406"/>
            <a:ext cx="8147713" cy="3081242"/>
          </a:xfrm>
        </p:spPr>
        <p:txBody>
          <a:bodyPr anchor="ctr">
            <a:normAutofit/>
          </a:bodyPr>
          <a:lstStyle/>
          <a:p>
            <a:r>
              <a:rPr lang="en-US" sz="4800" dirty="0">
                <a:solidFill>
                  <a:srgbClr val="FFFFFF"/>
                </a:solidFill>
              </a:rPr>
              <a:t>Azure deep dive: Bicep in the real world</a:t>
            </a:r>
            <a:endParaRPr lang="en-NL" sz="4800" dirty="0">
              <a:solidFill>
                <a:srgbClr val="FFFFFF"/>
              </a:solidFill>
            </a:endParaRP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A53F1453-0A29-3EDE-3190-DA7D86F04DC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59943" y="5171093"/>
            <a:ext cx="9078628" cy="860620"/>
          </a:xfrm>
        </p:spPr>
        <p:txBody>
          <a:bodyPr anchor="ctr">
            <a:normAutofit/>
          </a:bodyPr>
          <a:lstStyle/>
          <a:p>
            <a:endParaRPr lang="en-NL">
              <a:solidFill>
                <a:srgbClr val="FFFFFF"/>
              </a:solidFill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122EAF26-1505-CE8B-9BC2-639386020870}"/>
              </a:ext>
            </a:extLst>
          </p:cNvPr>
          <p:cNvSpPr txBox="1">
            <a:spLocks/>
          </p:cNvSpPr>
          <p:nvPr/>
        </p:nvSpPr>
        <p:spPr>
          <a:xfrm>
            <a:off x="532435" y="2465408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NL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4731550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0" name="Rectangle 9">
            <a:extLst>
              <a:ext uri="{FF2B5EF4-FFF2-40B4-BE49-F238E27FC236}">
                <a16:creationId xmlns:a16="http://schemas.microsoft.com/office/drawing/2014/main" id="{1B15ED52-F352-441B-82BF-E0EA34836D0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3B2E3793-BFE6-45A2-9B7B-E18844431C9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-1" y="-1"/>
            <a:ext cx="12191998" cy="1590742"/>
          </a:xfrm>
          <a:prstGeom prst="rect">
            <a:avLst/>
          </a:prstGeom>
          <a:gradFill>
            <a:gsLst>
              <a:gs pos="0">
                <a:srgbClr val="000000"/>
              </a:gs>
              <a:gs pos="100000">
                <a:schemeClr val="accent1">
                  <a:lumMod val="75000"/>
                </a:schemeClr>
              </a:gs>
            </a:gsLst>
            <a:lin ang="8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BC4C4868-CB8F-4AF9-9CDB-8108F2C19B6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-3" y="0"/>
            <a:ext cx="8115306" cy="1590742"/>
          </a:xfrm>
          <a:prstGeom prst="rect">
            <a:avLst/>
          </a:prstGeom>
          <a:gradFill>
            <a:gsLst>
              <a:gs pos="20000">
                <a:schemeClr val="accent1">
                  <a:alpha val="0"/>
                </a:schemeClr>
              </a:gs>
              <a:gs pos="100000">
                <a:schemeClr val="accent1">
                  <a:lumMod val="50000"/>
                  <a:alpha val="55000"/>
                </a:schemeClr>
              </a:gs>
            </a:gsLst>
            <a:lin ang="13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375E0459-6403-40CD-989D-56A4407CA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8115299" y="-1"/>
            <a:ext cx="4076698" cy="1590742"/>
          </a:xfrm>
          <a:prstGeom prst="rect">
            <a:avLst/>
          </a:prstGeom>
          <a:gradFill>
            <a:gsLst>
              <a:gs pos="0">
                <a:schemeClr val="accent1">
                  <a:alpha val="66000"/>
                </a:schemeClr>
              </a:gs>
              <a:gs pos="100000">
                <a:srgbClr val="000000">
                  <a:alpha val="30000"/>
                </a:srgbClr>
              </a:gs>
            </a:gsLst>
            <a:lin ang="13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53E5B1A8-3AC9-4BD1-9BBC-78CA94F2D1B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59350" y="-1"/>
            <a:ext cx="11732646" cy="1597433"/>
          </a:xfrm>
          <a:prstGeom prst="rect">
            <a:avLst/>
          </a:prstGeom>
          <a:gradFill>
            <a:gsLst>
              <a:gs pos="50000">
                <a:srgbClr val="000000">
                  <a:alpha val="0"/>
                </a:srgbClr>
              </a:gs>
              <a:gs pos="99000">
                <a:schemeClr val="accent1">
                  <a:lumMod val="50000"/>
                  <a:alpha val="52000"/>
                </a:schemeClr>
              </a:gs>
            </a:gsLst>
            <a:lin ang="16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9A8753B-C547-0F8C-3086-988CE8E616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71599" y="294538"/>
            <a:ext cx="9895951" cy="1033669"/>
          </a:xfrm>
        </p:spPr>
        <p:txBody>
          <a:bodyPr>
            <a:normAutofit/>
          </a:bodyPr>
          <a:lstStyle/>
          <a:p>
            <a:r>
              <a:rPr lang="en-US" sz="4000">
                <a:solidFill>
                  <a:srgbClr val="FFFFFF"/>
                </a:solidFill>
              </a:rPr>
              <a:t>Bicep registry</a:t>
            </a:r>
            <a:endParaRPr lang="en-NL" sz="4000">
              <a:solidFill>
                <a:srgbClr val="FFFFFF"/>
              </a:solidFill>
            </a:endParaRP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3F63521-8057-53B4-A709-400EBD84FEF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71599" y="2318197"/>
            <a:ext cx="9724031" cy="3683358"/>
          </a:xfrm>
        </p:spPr>
        <p:txBody>
          <a:bodyPr anchor="ctr">
            <a:normAutofit/>
          </a:bodyPr>
          <a:lstStyle/>
          <a:p>
            <a:r>
              <a:rPr lang="en-US" sz="2000" dirty="0"/>
              <a:t>Intended to be combined into a larger template</a:t>
            </a:r>
          </a:p>
          <a:p>
            <a:r>
              <a:rPr lang="en-US" sz="2000" dirty="0"/>
              <a:t>Hosted on Azure Container Registry</a:t>
            </a:r>
          </a:p>
          <a:p>
            <a:pPr lvl="1"/>
            <a:r>
              <a:rPr lang="en-US" sz="2000" dirty="0"/>
              <a:t>Future plans to support other registries (</a:t>
            </a:r>
            <a:r>
              <a:rPr lang="en-US" sz="2000" dirty="0" err="1"/>
              <a:t>i.e</a:t>
            </a:r>
            <a:r>
              <a:rPr lang="en-US" sz="2000" dirty="0"/>
              <a:t> Docker Hub)</a:t>
            </a:r>
          </a:p>
          <a:p>
            <a:r>
              <a:rPr lang="en-US" sz="2000" dirty="0"/>
              <a:t>Provides access control</a:t>
            </a:r>
          </a:p>
          <a:p>
            <a:r>
              <a:rPr lang="en-US" sz="2000" dirty="0"/>
              <a:t>Provides versioning</a:t>
            </a:r>
          </a:p>
          <a:p>
            <a:r>
              <a:rPr lang="en-US" sz="2000" dirty="0"/>
              <a:t>Reference directly in a template</a:t>
            </a:r>
          </a:p>
          <a:p>
            <a:pPr lvl="1"/>
            <a:r>
              <a:rPr lang="en-US" sz="2000" dirty="0" err="1"/>
              <a:t>br</a:t>
            </a:r>
            <a:r>
              <a:rPr lang="en-US" sz="2000" dirty="0"/>
              <a:t>:{registry}/{</a:t>
            </a:r>
            <a:r>
              <a:rPr lang="en-US" sz="2000" dirty="0" err="1"/>
              <a:t>module_path</a:t>
            </a:r>
            <a:r>
              <a:rPr lang="en-US" sz="2000" dirty="0"/>
              <a:t>}:{tag}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0652204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build="p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1B15ED52-F352-441B-82BF-E0EA34836D0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3B2E3793-BFE6-45A2-9B7B-E18844431C9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-1" y="-1"/>
            <a:ext cx="12191998" cy="1590742"/>
          </a:xfrm>
          <a:prstGeom prst="rect">
            <a:avLst/>
          </a:prstGeom>
          <a:gradFill>
            <a:gsLst>
              <a:gs pos="0">
                <a:srgbClr val="000000"/>
              </a:gs>
              <a:gs pos="100000">
                <a:schemeClr val="accent1">
                  <a:lumMod val="75000"/>
                </a:schemeClr>
              </a:gs>
            </a:gsLst>
            <a:lin ang="8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C4C4868-CB8F-4AF9-9CDB-8108F2C19B6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-3" y="0"/>
            <a:ext cx="8115306" cy="1590742"/>
          </a:xfrm>
          <a:prstGeom prst="rect">
            <a:avLst/>
          </a:prstGeom>
          <a:gradFill>
            <a:gsLst>
              <a:gs pos="20000">
                <a:schemeClr val="accent1">
                  <a:alpha val="0"/>
                </a:schemeClr>
              </a:gs>
              <a:gs pos="100000">
                <a:schemeClr val="accent1">
                  <a:lumMod val="50000"/>
                  <a:alpha val="55000"/>
                </a:schemeClr>
              </a:gs>
            </a:gsLst>
            <a:lin ang="13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375E0459-6403-40CD-989D-56A4407CA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8115299" y="-1"/>
            <a:ext cx="4076698" cy="1590742"/>
          </a:xfrm>
          <a:prstGeom prst="rect">
            <a:avLst/>
          </a:prstGeom>
          <a:gradFill>
            <a:gsLst>
              <a:gs pos="0">
                <a:schemeClr val="accent1">
                  <a:alpha val="66000"/>
                </a:schemeClr>
              </a:gs>
              <a:gs pos="100000">
                <a:srgbClr val="000000">
                  <a:alpha val="30000"/>
                </a:srgbClr>
              </a:gs>
            </a:gsLst>
            <a:lin ang="13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53E5B1A8-3AC9-4BD1-9BBC-78CA94F2D1B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59350" y="-1"/>
            <a:ext cx="11732646" cy="1597433"/>
          </a:xfrm>
          <a:prstGeom prst="rect">
            <a:avLst/>
          </a:prstGeom>
          <a:gradFill>
            <a:gsLst>
              <a:gs pos="50000">
                <a:srgbClr val="000000">
                  <a:alpha val="0"/>
                </a:srgbClr>
              </a:gs>
              <a:gs pos="99000">
                <a:schemeClr val="accent1">
                  <a:lumMod val="50000"/>
                  <a:alpha val="52000"/>
                </a:schemeClr>
              </a:gs>
            </a:gsLst>
            <a:lin ang="16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83FA8C4-EF21-3118-E226-40647C64625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71599" y="294538"/>
            <a:ext cx="9895951" cy="1033669"/>
          </a:xfrm>
        </p:spPr>
        <p:txBody>
          <a:bodyPr>
            <a:normAutofit/>
          </a:bodyPr>
          <a:lstStyle/>
          <a:p>
            <a:r>
              <a:rPr lang="en-US" sz="4000" dirty="0">
                <a:solidFill>
                  <a:srgbClr val="FFFFFF"/>
                </a:solidFill>
              </a:rPr>
              <a:t>Cross tenant sharing</a:t>
            </a:r>
            <a:endParaRPr lang="en-NL" sz="4000" dirty="0">
              <a:solidFill>
                <a:srgbClr val="FFFFFF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698A80C-C47A-7FCF-6E09-914938DC946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71599" y="2318197"/>
            <a:ext cx="9724031" cy="3683358"/>
          </a:xfrm>
        </p:spPr>
        <p:txBody>
          <a:bodyPr anchor="ctr">
            <a:normAutofit lnSpcReduction="10000"/>
          </a:bodyPr>
          <a:lstStyle/>
          <a:p>
            <a:r>
              <a:rPr lang="en-US" dirty="0"/>
              <a:t>Organization has multiple subscriptions and tenants</a:t>
            </a:r>
          </a:p>
          <a:p>
            <a:r>
              <a:rPr lang="en-US" dirty="0"/>
              <a:t>When running code locally we needed Azure CLI to point to our dev environment</a:t>
            </a:r>
          </a:p>
          <a:p>
            <a:r>
              <a:rPr lang="en-US" dirty="0"/>
              <a:t>Don’t want to switch between subscriptions all the time</a:t>
            </a:r>
          </a:p>
          <a:p>
            <a:r>
              <a:rPr lang="en-US" dirty="0"/>
              <a:t>Azure lighthouse</a:t>
            </a:r>
          </a:p>
          <a:p>
            <a:r>
              <a:rPr lang="en-US" dirty="0"/>
              <a:t>Gives principals from a tenant permissions on another tenant</a:t>
            </a:r>
          </a:p>
          <a:p>
            <a:pPr lvl="1"/>
            <a:r>
              <a:rPr lang="en-US" dirty="0"/>
              <a:t>User / Group / Service principal</a:t>
            </a:r>
          </a:p>
          <a:p>
            <a:pPr lvl="1"/>
            <a:r>
              <a:rPr lang="en-US" dirty="0"/>
              <a:t>Role based access control</a:t>
            </a:r>
          </a:p>
          <a:p>
            <a:endParaRPr lang="en-NL" sz="2000" dirty="0"/>
          </a:p>
        </p:txBody>
      </p:sp>
      <p:pic>
        <p:nvPicPr>
          <p:cNvPr id="4" name="Picture 3" descr="Diagram&#10;&#10;Description automatically generated">
            <a:extLst>
              <a:ext uri="{FF2B5EF4-FFF2-40B4-BE49-F238E27FC236}">
                <a16:creationId xmlns:a16="http://schemas.microsoft.com/office/drawing/2014/main" id="{AADF13ED-2848-BC3E-DF17-74B238FDDCE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85460" y="2150269"/>
            <a:ext cx="7821076" cy="25574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105674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9" name="Rectangle 8">
            <a:extLst>
              <a:ext uri="{FF2B5EF4-FFF2-40B4-BE49-F238E27FC236}">
                <a16:creationId xmlns:a16="http://schemas.microsoft.com/office/drawing/2014/main" id="{1B15ED52-F352-441B-82BF-E0EA34836D0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3B2E3793-BFE6-45A2-9B7B-E18844431C9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-1" y="-1"/>
            <a:ext cx="12191998" cy="1590742"/>
          </a:xfrm>
          <a:prstGeom prst="rect">
            <a:avLst/>
          </a:prstGeom>
          <a:gradFill>
            <a:gsLst>
              <a:gs pos="0">
                <a:srgbClr val="000000"/>
              </a:gs>
              <a:gs pos="100000">
                <a:schemeClr val="accent1">
                  <a:lumMod val="75000"/>
                </a:schemeClr>
              </a:gs>
            </a:gsLst>
            <a:lin ang="8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BC4C4868-CB8F-4AF9-9CDB-8108F2C19B6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-3" y="0"/>
            <a:ext cx="8115306" cy="1590742"/>
          </a:xfrm>
          <a:prstGeom prst="rect">
            <a:avLst/>
          </a:prstGeom>
          <a:gradFill>
            <a:gsLst>
              <a:gs pos="20000">
                <a:schemeClr val="accent1">
                  <a:alpha val="0"/>
                </a:schemeClr>
              </a:gs>
              <a:gs pos="100000">
                <a:schemeClr val="accent1">
                  <a:lumMod val="50000"/>
                  <a:alpha val="55000"/>
                </a:schemeClr>
              </a:gs>
            </a:gsLst>
            <a:lin ang="13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375E0459-6403-40CD-989D-56A4407CA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8115299" y="-1"/>
            <a:ext cx="4076698" cy="1590742"/>
          </a:xfrm>
          <a:prstGeom prst="rect">
            <a:avLst/>
          </a:prstGeom>
          <a:gradFill>
            <a:gsLst>
              <a:gs pos="0">
                <a:schemeClr val="accent1">
                  <a:alpha val="66000"/>
                </a:schemeClr>
              </a:gs>
              <a:gs pos="100000">
                <a:srgbClr val="000000">
                  <a:alpha val="30000"/>
                </a:srgbClr>
              </a:gs>
            </a:gsLst>
            <a:lin ang="13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53E5B1A8-3AC9-4BD1-9BBC-78CA94F2D1B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59350" y="-1"/>
            <a:ext cx="11732646" cy="1597433"/>
          </a:xfrm>
          <a:prstGeom prst="rect">
            <a:avLst/>
          </a:prstGeom>
          <a:gradFill>
            <a:gsLst>
              <a:gs pos="50000">
                <a:srgbClr val="000000">
                  <a:alpha val="0"/>
                </a:srgbClr>
              </a:gs>
              <a:gs pos="99000">
                <a:schemeClr val="accent1">
                  <a:lumMod val="50000"/>
                  <a:alpha val="52000"/>
                </a:schemeClr>
              </a:gs>
            </a:gsLst>
            <a:lin ang="16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9A8753B-C547-0F8C-3086-988CE8E616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71599" y="294538"/>
            <a:ext cx="9895951" cy="1033669"/>
          </a:xfrm>
        </p:spPr>
        <p:txBody>
          <a:bodyPr>
            <a:normAutofit/>
          </a:bodyPr>
          <a:lstStyle/>
          <a:p>
            <a:r>
              <a:rPr lang="en-US" sz="4000">
                <a:solidFill>
                  <a:srgbClr val="FFFFFF"/>
                </a:solidFill>
              </a:rPr>
              <a:t>Deployment scripts</a:t>
            </a:r>
            <a:endParaRPr lang="en-NL" sz="4000">
              <a:solidFill>
                <a:srgbClr val="FFFFFF"/>
              </a:solidFill>
            </a:endParaRP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EA5F800-82E1-909A-952A-C265EEAD936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71599" y="2318197"/>
            <a:ext cx="9724031" cy="3683358"/>
          </a:xfrm>
        </p:spPr>
        <p:txBody>
          <a:bodyPr anchor="ctr">
            <a:normAutofit/>
          </a:bodyPr>
          <a:lstStyle/>
          <a:p>
            <a:r>
              <a:rPr lang="en-US" sz="1900"/>
              <a:t>ARM cannot do everything</a:t>
            </a:r>
          </a:p>
          <a:p>
            <a:r>
              <a:rPr lang="en-US" sz="1900"/>
              <a:t>Resource type Microsoft.Resources/deploymentScripts</a:t>
            </a:r>
          </a:p>
          <a:p>
            <a:r>
              <a:rPr lang="en-US" sz="1900"/>
              <a:t>Requires two supporting resources</a:t>
            </a:r>
          </a:p>
          <a:p>
            <a:pPr lvl="1"/>
            <a:r>
              <a:rPr lang="en-US" sz="1900"/>
              <a:t>Azure Container instance</a:t>
            </a:r>
          </a:p>
          <a:p>
            <a:pPr lvl="1"/>
            <a:r>
              <a:rPr lang="en-US" sz="1900"/>
              <a:t>Storage account</a:t>
            </a:r>
          </a:p>
          <a:p>
            <a:r>
              <a:rPr lang="en-US" sz="1900"/>
              <a:t>Allows to run a Bash or PowerShell script as part of your deployment</a:t>
            </a:r>
          </a:p>
          <a:p>
            <a:r>
              <a:rPr lang="en-US" sz="1900"/>
              <a:t>Has two types of principals</a:t>
            </a:r>
          </a:p>
          <a:p>
            <a:pPr lvl="1"/>
            <a:r>
              <a:rPr lang="en-US" sz="1900"/>
              <a:t>Deployment principal</a:t>
            </a:r>
          </a:p>
          <a:p>
            <a:pPr lvl="1"/>
            <a:r>
              <a:rPr lang="en-US" sz="1900"/>
              <a:t>Deployment script principal</a:t>
            </a:r>
          </a:p>
          <a:p>
            <a:r>
              <a:rPr lang="en-US" sz="1900"/>
              <a:t>Can produce outputs and use them in the deploymen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811012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uiExpand="1" build="p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9" name="Rectangle 8">
            <a:extLst>
              <a:ext uri="{FF2B5EF4-FFF2-40B4-BE49-F238E27FC236}">
                <a16:creationId xmlns:a16="http://schemas.microsoft.com/office/drawing/2014/main" id="{6F5A5072-7B47-4D32-B52A-4EBBF590B8A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9715DAF0-AE1B-46C9-8A6B-DB2AA05AB91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>
            <a:off x="-2" y="-22693"/>
            <a:ext cx="12191999" cy="4374129"/>
          </a:xfrm>
          <a:prstGeom prst="rect">
            <a:avLst/>
          </a:prstGeom>
          <a:gradFill>
            <a:gsLst>
              <a:gs pos="0">
                <a:schemeClr val="accent1">
                  <a:lumMod val="75000"/>
                </a:schemeClr>
              </a:gs>
              <a:gs pos="100000">
                <a:srgbClr val="000000"/>
              </a:gs>
            </a:gsLst>
            <a:lin ang="15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6016219D-510E-4184-9090-6D5578A87BD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>
            <a:off x="3908719" y="-3931841"/>
            <a:ext cx="4374557" cy="12192000"/>
          </a:xfrm>
          <a:prstGeom prst="rect">
            <a:avLst/>
          </a:prstGeom>
          <a:gradFill>
            <a:gsLst>
              <a:gs pos="40000">
                <a:schemeClr val="accent1">
                  <a:alpha val="0"/>
                </a:schemeClr>
              </a:gs>
              <a:gs pos="100000">
                <a:schemeClr val="accent1">
                  <a:lumMod val="75000"/>
                  <a:alpha val="52000"/>
                </a:schemeClr>
              </a:gs>
            </a:gsLst>
            <a:lin ang="2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AFF4A713-7B75-4B21-90D7-5AB19547C72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>
            <a:off x="4136696" y="-3703868"/>
            <a:ext cx="4374128" cy="11736479"/>
          </a:xfrm>
          <a:prstGeom prst="rect">
            <a:avLst/>
          </a:prstGeom>
          <a:gradFill>
            <a:gsLst>
              <a:gs pos="17000">
                <a:schemeClr val="accent1">
                  <a:alpha val="0"/>
                </a:schemeClr>
              </a:gs>
              <a:gs pos="100000">
                <a:srgbClr val="000000">
                  <a:alpha val="37000"/>
                </a:srgbClr>
              </a:gs>
            </a:gsLst>
            <a:lin ang="7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DC631C0B-6DA6-4E57-8231-CE32B3434A7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5" y="-22690"/>
            <a:ext cx="8542485" cy="4374126"/>
          </a:xfrm>
          <a:prstGeom prst="rect">
            <a:avLst/>
          </a:prstGeom>
          <a:gradFill>
            <a:gsLst>
              <a:gs pos="0">
                <a:schemeClr val="accent1">
                  <a:lumMod val="50000"/>
                  <a:alpha val="0"/>
                </a:schemeClr>
              </a:gs>
              <a:gs pos="100000">
                <a:srgbClr val="000000">
                  <a:alpha val="25000"/>
                </a:srgbClr>
              </a:gs>
            </a:gsLst>
            <a:lin ang="186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Freeform: Shape 18">
            <a:extLst>
              <a:ext uri="{FF2B5EF4-FFF2-40B4-BE49-F238E27FC236}">
                <a16:creationId xmlns:a16="http://schemas.microsoft.com/office/drawing/2014/main" id="{C29501E6-A978-4A61-9689-9085AF97A53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2508972">
            <a:off x="5945431" y="-1032053"/>
            <a:ext cx="4990147" cy="4439131"/>
          </a:xfrm>
          <a:custGeom>
            <a:avLst/>
            <a:gdLst>
              <a:gd name="connsiteX0" fmla="*/ 4990147 w 4990147"/>
              <a:gd name="connsiteY0" fmla="*/ 2229378 h 4439131"/>
              <a:gd name="connsiteX1" fmla="*/ 917384 w 4990147"/>
              <a:gd name="connsiteY1" fmla="*/ 4439131 h 4439131"/>
              <a:gd name="connsiteX2" fmla="*/ 910814 w 4990147"/>
              <a:gd name="connsiteY2" fmla="*/ 4434219 h 4439131"/>
              <a:gd name="connsiteX3" fmla="*/ 0 w 4990147"/>
              <a:gd name="connsiteY3" fmla="*/ 2502877 h 4439131"/>
              <a:gd name="connsiteX4" fmla="*/ 2502877 w 4990147"/>
              <a:gd name="connsiteY4" fmla="*/ 0 h 4439131"/>
              <a:gd name="connsiteX5" fmla="*/ 4954904 w 4990147"/>
              <a:gd name="connsiteY5" fmla="*/ 1998460 h 443913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990147" h="4439131">
                <a:moveTo>
                  <a:pt x="4990147" y="2229378"/>
                </a:moveTo>
                <a:lnTo>
                  <a:pt x="917384" y="4439131"/>
                </a:lnTo>
                <a:lnTo>
                  <a:pt x="910814" y="4434219"/>
                </a:lnTo>
                <a:cubicBezTo>
                  <a:pt x="354557" y="3975154"/>
                  <a:pt x="0" y="3280421"/>
                  <a:pt x="0" y="2502877"/>
                </a:cubicBezTo>
                <a:cubicBezTo>
                  <a:pt x="0" y="1120576"/>
                  <a:pt x="1120576" y="0"/>
                  <a:pt x="2502877" y="0"/>
                </a:cubicBezTo>
                <a:cubicBezTo>
                  <a:pt x="3712390" y="0"/>
                  <a:pt x="4721520" y="857941"/>
                  <a:pt x="4954904" y="1998460"/>
                </a:cubicBezTo>
                <a:close/>
              </a:path>
            </a:pathLst>
          </a:custGeom>
          <a:gradFill>
            <a:gsLst>
              <a:gs pos="0">
                <a:schemeClr val="accent1">
                  <a:alpha val="22000"/>
                </a:schemeClr>
              </a:gs>
              <a:gs pos="87000">
                <a:schemeClr val="accent1">
                  <a:lumMod val="60000"/>
                  <a:lumOff val="40000"/>
                  <a:alpha val="2000"/>
                </a:schemeClr>
              </a:gs>
            </a:gsLst>
            <a:lin ang="8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3800A73-6823-C52E-3FC9-8AF2F211937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14824" y="735106"/>
            <a:ext cx="10053763" cy="2928470"/>
          </a:xfr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sz="4800" kern="1200">
                <a:solidFill>
                  <a:srgbClr val="FFFFFF"/>
                </a:solidFill>
                <a:latin typeface="+mj-lt"/>
                <a:ea typeface="+mj-ea"/>
                <a:cs typeface="+mj-cs"/>
              </a:rPr>
              <a:t>Questions?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4F9D066-B42C-25F9-F268-2814BE3537A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350682" y="4870824"/>
            <a:ext cx="10005951" cy="1458258"/>
          </a:xfrm>
        </p:spPr>
        <p:txBody>
          <a:bodyPr vert="horz" lIns="91440" tIns="45720" rIns="91440" bIns="45720" rtlCol="0" anchor="ctr">
            <a:normAutofit/>
          </a:bodyPr>
          <a:lstStyle/>
          <a:p>
            <a:endParaRPr lang="en-US" sz="24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31147550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0" name="Rectangle 9">
            <a:extLst>
              <a:ext uri="{FF2B5EF4-FFF2-40B4-BE49-F238E27FC236}">
                <a16:creationId xmlns:a16="http://schemas.microsoft.com/office/drawing/2014/main" id="{1B15ED52-F352-441B-82BF-E0EA34836D0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3B2E3793-BFE6-45A2-9B7B-E18844431C9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-1" y="-1"/>
            <a:ext cx="12191998" cy="1590742"/>
          </a:xfrm>
          <a:prstGeom prst="rect">
            <a:avLst/>
          </a:prstGeom>
          <a:gradFill>
            <a:gsLst>
              <a:gs pos="0">
                <a:srgbClr val="000000"/>
              </a:gs>
              <a:gs pos="100000">
                <a:schemeClr val="accent1">
                  <a:lumMod val="75000"/>
                </a:schemeClr>
              </a:gs>
            </a:gsLst>
            <a:lin ang="8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BC4C4868-CB8F-4AF9-9CDB-8108F2C19B6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-3" y="0"/>
            <a:ext cx="8115306" cy="1590742"/>
          </a:xfrm>
          <a:prstGeom prst="rect">
            <a:avLst/>
          </a:prstGeom>
          <a:gradFill>
            <a:gsLst>
              <a:gs pos="20000">
                <a:schemeClr val="accent1">
                  <a:alpha val="0"/>
                </a:schemeClr>
              </a:gs>
              <a:gs pos="100000">
                <a:schemeClr val="accent1">
                  <a:lumMod val="50000"/>
                  <a:alpha val="55000"/>
                </a:schemeClr>
              </a:gs>
            </a:gsLst>
            <a:lin ang="13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375E0459-6403-40CD-989D-56A4407CA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8115299" y="-1"/>
            <a:ext cx="4076698" cy="1590742"/>
          </a:xfrm>
          <a:prstGeom prst="rect">
            <a:avLst/>
          </a:prstGeom>
          <a:gradFill>
            <a:gsLst>
              <a:gs pos="0">
                <a:schemeClr val="accent1">
                  <a:alpha val="66000"/>
                </a:schemeClr>
              </a:gs>
              <a:gs pos="100000">
                <a:srgbClr val="000000">
                  <a:alpha val="30000"/>
                </a:srgbClr>
              </a:gs>
            </a:gsLst>
            <a:lin ang="13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53E5B1A8-3AC9-4BD1-9BBC-78CA94F2D1B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59350" y="-1"/>
            <a:ext cx="11732646" cy="1597433"/>
          </a:xfrm>
          <a:prstGeom prst="rect">
            <a:avLst/>
          </a:prstGeom>
          <a:gradFill>
            <a:gsLst>
              <a:gs pos="50000">
                <a:srgbClr val="000000">
                  <a:alpha val="0"/>
                </a:srgbClr>
              </a:gs>
              <a:gs pos="99000">
                <a:schemeClr val="accent1">
                  <a:lumMod val="50000"/>
                  <a:alpha val="52000"/>
                </a:schemeClr>
              </a:gs>
            </a:gsLst>
            <a:lin ang="16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66C1E851-5636-D183-000A-A13FAA79620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71599" y="294538"/>
            <a:ext cx="9895951" cy="1033669"/>
          </a:xfrm>
        </p:spPr>
        <p:txBody>
          <a:bodyPr>
            <a:normAutofit/>
          </a:bodyPr>
          <a:lstStyle/>
          <a:p>
            <a:r>
              <a:rPr lang="en-US" sz="4000" dirty="0">
                <a:solidFill>
                  <a:srgbClr val="FFFFFF"/>
                </a:solidFill>
              </a:rPr>
              <a:t>Nice resources</a:t>
            </a:r>
            <a:endParaRPr lang="en-NL" sz="4000" dirty="0">
              <a:solidFill>
                <a:srgbClr val="FFFFFF"/>
              </a:solidFill>
            </a:endParaRP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AC93FF58-F0A3-2127-6CB2-A51709D5038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71599" y="2318197"/>
            <a:ext cx="9724031" cy="3683358"/>
          </a:xfrm>
        </p:spPr>
        <p:txBody>
          <a:bodyPr anchor="ctr">
            <a:normAutofit/>
          </a:bodyPr>
          <a:lstStyle/>
          <a:p>
            <a:r>
              <a:rPr lang="en-US" sz="2000" dirty="0"/>
              <a:t>Bicep playground (</a:t>
            </a:r>
            <a:r>
              <a:rPr lang="en-US" sz="2000" dirty="0">
                <a:hlinkClick r:id="rId2"/>
              </a:rPr>
              <a:t>https://bicepdemo.z22.web.core.windows.net/</a:t>
            </a:r>
            <a:r>
              <a:rPr lang="en-US" sz="2000" dirty="0"/>
              <a:t>)</a:t>
            </a:r>
          </a:p>
          <a:p>
            <a:r>
              <a:rPr lang="en-US" sz="2000" dirty="0">
                <a:hlinkClick r:id="rId3"/>
              </a:rPr>
              <a:t>https://learn.microsoft.com/en-us/azure/templates/</a:t>
            </a:r>
            <a:endParaRPr lang="en-US" sz="2000" dirty="0"/>
          </a:p>
          <a:p>
            <a:r>
              <a:rPr lang="en-US" sz="2000" dirty="0">
                <a:hlinkClick r:id="rId4"/>
              </a:rPr>
              <a:t>https://learn.microsoft.com/en-us/rest/api/azure/</a:t>
            </a:r>
            <a:endParaRPr lang="en-US" sz="2000" dirty="0"/>
          </a:p>
          <a:p>
            <a:r>
              <a:rPr lang="en-US" sz="2000" dirty="0">
                <a:hlinkClick r:id="rId5"/>
              </a:rPr>
              <a:t>https://github.com/Azure/azure-quickstart-templates</a:t>
            </a:r>
            <a:endParaRPr lang="en-US" sz="2000" dirty="0"/>
          </a:p>
          <a:p>
            <a:r>
              <a:rPr lang="en-US" sz="2000" dirty="0">
                <a:hlinkClick r:id="rId6"/>
              </a:rPr>
              <a:t>https://azure.github.io/bicep-registry-modules/</a:t>
            </a:r>
            <a:endParaRPr lang="en-US" sz="2000" dirty="0"/>
          </a:p>
          <a:p>
            <a:endParaRPr lang="en-US" sz="2000" dirty="0"/>
          </a:p>
          <a:p>
            <a:endParaRPr lang="en-US" sz="2000" dirty="0"/>
          </a:p>
          <a:p>
            <a:endParaRPr lang="en-US" sz="2000" dirty="0"/>
          </a:p>
          <a:p>
            <a:endParaRPr lang="en-NL" sz="2000" dirty="0"/>
          </a:p>
        </p:txBody>
      </p:sp>
    </p:spTree>
    <p:extLst>
      <p:ext uri="{BB962C8B-B14F-4D97-AF65-F5344CB8AC3E}">
        <p14:creationId xmlns:p14="http://schemas.microsoft.com/office/powerpoint/2010/main" val="178709760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8" name="Rectangle 8">
            <a:extLst>
              <a:ext uri="{FF2B5EF4-FFF2-40B4-BE49-F238E27FC236}">
                <a16:creationId xmlns:a16="http://schemas.microsoft.com/office/drawing/2014/main" id="{1B15ED52-F352-441B-82BF-E0EA34836D0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Rectangle 10">
            <a:extLst>
              <a:ext uri="{FF2B5EF4-FFF2-40B4-BE49-F238E27FC236}">
                <a16:creationId xmlns:a16="http://schemas.microsoft.com/office/drawing/2014/main" id="{3B2E3793-BFE6-45A2-9B7B-E18844431C9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-1" y="-1"/>
            <a:ext cx="12191998" cy="1590742"/>
          </a:xfrm>
          <a:prstGeom prst="rect">
            <a:avLst/>
          </a:prstGeom>
          <a:gradFill>
            <a:gsLst>
              <a:gs pos="0">
                <a:srgbClr val="000000"/>
              </a:gs>
              <a:gs pos="100000">
                <a:schemeClr val="accent1">
                  <a:lumMod val="75000"/>
                </a:schemeClr>
              </a:gs>
            </a:gsLst>
            <a:lin ang="8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Rectangle 12">
            <a:extLst>
              <a:ext uri="{FF2B5EF4-FFF2-40B4-BE49-F238E27FC236}">
                <a16:creationId xmlns:a16="http://schemas.microsoft.com/office/drawing/2014/main" id="{BC4C4868-CB8F-4AF9-9CDB-8108F2C19B6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-3" y="0"/>
            <a:ext cx="8115306" cy="1590742"/>
          </a:xfrm>
          <a:prstGeom prst="rect">
            <a:avLst/>
          </a:prstGeom>
          <a:gradFill>
            <a:gsLst>
              <a:gs pos="20000">
                <a:schemeClr val="accent1">
                  <a:alpha val="0"/>
                </a:schemeClr>
              </a:gs>
              <a:gs pos="100000">
                <a:schemeClr val="accent1">
                  <a:lumMod val="50000"/>
                  <a:alpha val="55000"/>
                </a:schemeClr>
              </a:gs>
            </a:gsLst>
            <a:lin ang="13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Rectangle 14">
            <a:extLst>
              <a:ext uri="{FF2B5EF4-FFF2-40B4-BE49-F238E27FC236}">
                <a16:creationId xmlns:a16="http://schemas.microsoft.com/office/drawing/2014/main" id="{375E0459-6403-40CD-989D-56A4407CA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8115299" y="-1"/>
            <a:ext cx="4076698" cy="1590742"/>
          </a:xfrm>
          <a:prstGeom prst="rect">
            <a:avLst/>
          </a:prstGeom>
          <a:gradFill>
            <a:gsLst>
              <a:gs pos="0">
                <a:schemeClr val="accent1">
                  <a:alpha val="66000"/>
                </a:schemeClr>
              </a:gs>
              <a:gs pos="100000">
                <a:srgbClr val="000000">
                  <a:alpha val="30000"/>
                </a:srgbClr>
              </a:gs>
            </a:gsLst>
            <a:lin ang="13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Rectangle 16">
            <a:extLst>
              <a:ext uri="{FF2B5EF4-FFF2-40B4-BE49-F238E27FC236}">
                <a16:creationId xmlns:a16="http://schemas.microsoft.com/office/drawing/2014/main" id="{53E5B1A8-3AC9-4BD1-9BBC-78CA94F2D1B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59350" y="-1"/>
            <a:ext cx="11732646" cy="1597433"/>
          </a:xfrm>
          <a:prstGeom prst="rect">
            <a:avLst/>
          </a:prstGeom>
          <a:gradFill>
            <a:gsLst>
              <a:gs pos="50000">
                <a:srgbClr val="000000">
                  <a:alpha val="0"/>
                </a:srgbClr>
              </a:gs>
              <a:gs pos="99000">
                <a:schemeClr val="accent1">
                  <a:lumMod val="50000"/>
                  <a:alpha val="52000"/>
                </a:schemeClr>
              </a:gs>
            </a:gsLst>
            <a:lin ang="16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80C93EA7-BD1E-87FE-8FF0-09CE5F717FC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71599" y="294538"/>
            <a:ext cx="9895951" cy="1033669"/>
          </a:xfrm>
        </p:spPr>
        <p:txBody>
          <a:bodyPr vert="horz" lIns="91440" tIns="45720" rIns="91440" bIns="45720" rtlCol="0">
            <a:normAutofit/>
          </a:bodyPr>
          <a:lstStyle/>
          <a:p>
            <a:r>
              <a:rPr lang="en-US" sz="4000" kern="1200" dirty="0">
                <a:solidFill>
                  <a:srgbClr val="FFFFFF"/>
                </a:solidFill>
                <a:latin typeface="+mj-lt"/>
                <a:ea typeface="+mj-ea"/>
                <a:cs typeface="+mj-cs"/>
              </a:rPr>
              <a:t>Who am I?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A53F1453-0A29-3EDE-3190-DA7D86F04DC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71599" y="2318197"/>
            <a:ext cx="9724031" cy="3683358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z="2000" kern="1200" dirty="0">
                <a:latin typeface="+mn-lt"/>
                <a:ea typeface="+mn-ea"/>
                <a:cs typeface="+mn-cs"/>
              </a:rPr>
              <a:t>Erwin van den Bogaard</a:t>
            </a:r>
          </a:p>
          <a:p>
            <a:r>
              <a:rPr lang="en-US" sz="2000" dirty="0"/>
              <a:t>Worked at Virtual Vaults for 3,5 years</a:t>
            </a:r>
          </a:p>
          <a:p>
            <a:r>
              <a:rPr lang="en-US" sz="2000" dirty="0"/>
              <a:t>Started at VV with Bicep 0.2.x</a:t>
            </a:r>
          </a:p>
          <a:p>
            <a:endParaRPr lang="en-US" sz="2000" kern="1200" dirty="0">
              <a:latin typeface="+mn-lt"/>
              <a:ea typeface="+mn-ea"/>
              <a:cs typeface="+mn-cs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122EAF26-1505-CE8B-9BC2-639386020870}"/>
              </a:ext>
            </a:extLst>
          </p:cNvPr>
          <p:cNvSpPr txBox="1">
            <a:spLocks/>
          </p:cNvSpPr>
          <p:nvPr/>
        </p:nvSpPr>
        <p:spPr>
          <a:xfrm>
            <a:off x="532435" y="2465408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NL"/>
          </a:p>
        </p:txBody>
      </p:sp>
      <p:pic>
        <p:nvPicPr>
          <p:cNvPr id="1026" name="Picture 2" descr="Image">
            <a:extLst>
              <a:ext uri="{FF2B5EF4-FFF2-40B4-BE49-F238E27FC236}">
                <a16:creationId xmlns:a16="http://schemas.microsoft.com/office/drawing/2014/main" id="{96BB9CDF-F33E-C52A-F9FD-ACA518036F5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94456" y="2191555"/>
            <a:ext cx="3810000" cy="381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69877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500"/>
                                  </p:stCondLst>
                                  <p:iterate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28" name="Rectangle 20">
            <a:extLst>
              <a:ext uri="{FF2B5EF4-FFF2-40B4-BE49-F238E27FC236}">
                <a16:creationId xmlns:a16="http://schemas.microsoft.com/office/drawing/2014/main" id="{1B15ED52-F352-441B-82BF-E0EA34836D0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Rectangle 22">
            <a:extLst>
              <a:ext uri="{FF2B5EF4-FFF2-40B4-BE49-F238E27FC236}">
                <a16:creationId xmlns:a16="http://schemas.microsoft.com/office/drawing/2014/main" id="{3B2E3793-BFE6-45A2-9B7B-E18844431C9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-1" y="-1"/>
            <a:ext cx="12191998" cy="1590742"/>
          </a:xfrm>
          <a:prstGeom prst="rect">
            <a:avLst/>
          </a:prstGeom>
          <a:gradFill>
            <a:gsLst>
              <a:gs pos="0">
                <a:srgbClr val="000000"/>
              </a:gs>
              <a:gs pos="100000">
                <a:schemeClr val="accent1">
                  <a:lumMod val="75000"/>
                </a:schemeClr>
              </a:gs>
            </a:gsLst>
            <a:lin ang="8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Rectangle 24">
            <a:extLst>
              <a:ext uri="{FF2B5EF4-FFF2-40B4-BE49-F238E27FC236}">
                <a16:creationId xmlns:a16="http://schemas.microsoft.com/office/drawing/2014/main" id="{BC4C4868-CB8F-4AF9-9CDB-8108F2C19B6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-3" y="0"/>
            <a:ext cx="8115306" cy="1590742"/>
          </a:xfrm>
          <a:prstGeom prst="rect">
            <a:avLst/>
          </a:prstGeom>
          <a:gradFill>
            <a:gsLst>
              <a:gs pos="20000">
                <a:schemeClr val="accent1">
                  <a:alpha val="0"/>
                </a:schemeClr>
              </a:gs>
              <a:gs pos="100000">
                <a:schemeClr val="accent1">
                  <a:lumMod val="50000"/>
                  <a:alpha val="55000"/>
                </a:schemeClr>
              </a:gs>
            </a:gsLst>
            <a:lin ang="13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375E0459-6403-40CD-989D-56A4407CA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8115299" y="-1"/>
            <a:ext cx="4076698" cy="1590742"/>
          </a:xfrm>
          <a:prstGeom prst="rect">
            <a:avLst/>
          </a:prstGeom>
          <a:gradFill>
            <a:gsLst>
              <a:gs pos="0">
                <a:schemeClr val="accent1">
                  <a:alpha val="66000"/>
                </a:schemeClr>
              </a:gs>
              <a:gs pos="100000">
                <a:srgbClr val="000000">
                  <a:alpha val="30000"/>
                </a:srgbClr>
              </a:gs>
            </a:gsLst>
            <a:lin ang="13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53E5B1A8-3AC9-4BD1-9BBC-78CA94F2D1B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59350" y="-1"/>
            <a:ext cx="11732646" cy="1597433"/>
          </a:xfrm>
          <a:prstGeom prst="rect">
            <a:avLst/>
          </a:prstGeom>
          <a:gradFill>
            <a:gsLst>
              <a:gs pos="50000">
                <a:srgbClr val="000000">
                  <a:alpha val="0"/>
                </a:srgbClr>
              </a:gs>
              <a:gs pos="99000">
                <a:schemeClr val="accent1">
                  <a:lumMod val="50000"/>
                  <a:alpha val="52000"/>
                </a:schemeClr>
              </a:gs>
            </a:gsLst>
            <a:lin ang="16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60B0909-1373-E97B-E812-3B3972F30E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71599" y="294538"/>
            <a:ext cx="9895951" cy="1033669"/>
          </a:xfrm>
        </p:spPr>
        <p:txBody>
          <a:bodyPr>
            <a:normAutofit/>
          </a:bodyPr>
          <a:lstStyle/>
          <a:p>
            <a:r>
              <a:rPr lang="en-US" sz="4000">
                <a:solidFill>
                  <a:srgbClr val="FFFFFF"/>
                </a:solidFill>
              </a:rPr>
              <a:t>Infrastructure as code</a:t>
            </a:r>
            <a:endParaRPr lang="en-NL" sz="4000">
              <a:solidFill>
                <a:srgbClr val="FFFFFF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3A25AFD-87A2-F2A7-8102-0BC572D9252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71599" y="2318197"/>
            <a:ext cx="9724031" cy="3683358"/>
          </a:xfrm>
        </p:spPr>
        <p:txBody>
          <a:bodyPr anchor="ctr">
            <a:normAutofit/>
          </a:bodyPr>
          <a:lstStyle/>
          <a:p>
            <a:r>
              <a:rPr lang="en-US" sz="1900" dirty="0"/>
              <a:t>“Infrastructure as code (</a:t>
            </a:r>
            <a:r>
              <a:rPr lang="en-US" sz="1900" dirty="0" err="1"/>
              <a:t>IaC</a:t>
            </a:r>
            <a:r>
              <a:rPr lang="en-US" sz="1900" dirty="0"/>
              <a:t>) uses DevOps methodology and versioning with a descriptive model to define and deploy infrastructure, such as networks, virtual machines, load balancers, and connection topologies. Just as the same source code always generates the same binary, an </a:t>
            </a:r>
            <a:r>
              <a:rPr lang="en-US" sz="1900" dirty="0" err="1"/>
              <a:t>IaC</a:t>
            </a:r>
            <a:r>
              <a:rPr lang="en-US" sz="1900" dirty="0"/>
              <a:t> model generates the same environment every time it deploys.” –Microsoft learn</a:t>
            </a:r>
          </a:p>
          <a:p>
            <a:r>
              <a:rPr lang="en-US" sz="1900" dirty="0"/>
              <a:t>Describe how our environment should be in code</a:t>
            </a:r>
          </a:p>
          <a:p>
            <a:r>
              <a:rPr lang="en-US" sz="1900" dirty="0"/>
              <a:t>Idempotent</a:t>
            </a:r>
          </a:p>
          <a:p>
            <a:r>
              <a:rPr lang="en-US" sz="1900" dirty="0"/>
              <a:t>Human readable</a:t>
            </a:r>
          </a:p>
          <a:p>
            <a:r>
              <a:rPr lang="en-US" sz="1900" dirty="0"/>
              <a:t>Automates the entire process</a:t>
            </a:r>
          </a:p>
          <a:p>
            <a:pPr lvl="1"/>
            <a:r>
              <a:rPr lang="en-US" sz="1900" dirty="0"/>
              <a:t>Security</a:t>
            </a:r>
          </a:p>
          <a:p>
            <a:pPr lvl="1"/>
            <a:r>
              <a:rPr lang="en-US" sz="1900" dirty="0"/>
              <a:t>Configuration drift</a:t>
            </a:r>
          </a:p>
          <a:p>
            <a:pPr lvl="1"/>
            <a:r>
              <a:rPr lang="en-US" sz="1900" dirty="0"/>
              <a:t>Revert</a:t>
            </a:r>
          </a:p>
          <a:p>
            <a:pPr lvl="1"/>
            <a:endParaRPr lang="en-US" sz="1900" dirty="0"/>
          </a:p>
          <a:p>
            <a:pPr lvl="1"/>
            <a:endParaRPr lang="en-NL" sz="1900" dirty="0"/>
          </a:p>
        </p:txBody>
      </p:sp>
    </p:spTree>
    <p:extLst>
      <p:ext uri="{BB962C8B-B14F-4D97-AF65-F5344CB8AC3E}">
        <p14:creationId xmlns:p14="http://schemas.microsoft.com/office/powerpoint/2010/main" val="20502021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4" name="Rectangle 16">
            <a:extLst>
              <a:ext uri="{FF2B5EF4-FFF2-40B4-BE49-F238E27FC236}">
                <a16:creationId xmlns:a16="http://schemas.microsoft.com/office/drawing/2014/main" id="{1B15ED52-F352-441B-82BF-E0EA34836D0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Rectangle 18">
            <a:extLst>
              <a:ext uri="{FF2B5EF4-FFF2-40B4-BE49-F238E27FC236}">
                <a16:creationId xmlns:a16="http://schemas.microsoft.com/office/drawing/2014/main" id="{3B2E3793-BFE6-45A2-9B7B-E18844431C9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-1" y="-1"/>
            <a:ext cx="12191998" cy="1590742"/>
          </a:xfrm>
          <a:prstGeom prst="rect">
            <a:avLst/>
          </a:prstGeom>
          <a:gradFill>
            <a:gsLst>
              <a:gs pos="0">
                <a:srgbClr val="000000"/>
              </a:gs>
              <a:gs pos="100000">
                <a:schemeClr val="accent1">
                  <a:lumMod val="75000"/>
                </a:schemeClr>
              </a:gs>
            </a:gsLst>
            <a:lin ang="8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BC4C4868-CB8F-4AF9-9CDB-8108F2C19B6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-3" y="0"/>
            <a:ext cx="8115306" cy="1590742"/>
          </a:xfrm>
          <a:prstGeom prst="rect">
            <a:avLst/>
          </a:prstGeom>
          <a:gradFill>
            <a:gsLst>
              <a:gs pos="20000">
                <a:schemeClr val="accent1">
                  <a:alpha val="0"/>
                </a:schemeClr>
              </a:gs>
              <a:gs pos="100000">
                <a:schemeClr val="accent1">
                  <a:lumMod val="50000"/>
                  <a:alpha val="55000"/>
                </a:schemeClr>
              </a:gs>
            </a:gsLst>
            <a:lin ang="13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375E0459-6403-40CD-989D-56A4407CA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8115299" y="-1"/>
            <a:ext cx="4076698" cy="1590742"/>
          </a:xfrm>
          <a:prstGeom prst="rect">
            <a:avLst/>
          </a:prstGeom>
          <a:gradFill>
            <a:gsLst>
              <a:gs pos="0">
                <a:schemeClr val="accent1">
                  <a:alpha val="66000"/>
                </a:schemeClr>
              </a:gs>
              <a:gs pos="100000">
                <a:srgbClr val="000000">
                  <a:alpha val="30000"/>
                </a:srgbClr>
              </a:gs>
            </a:gsLst>
            <a:lin ang="13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53E5B1A8-3AC9-4BD1-9BBC-78CA94F2D1B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59350" y="-1"/>
            <a:ext cx="11732646" cy="1597433"/>
          </a:xfrm>
          <a:prstGeom prst="rect">
            <a:avLst/>
          </a:prstGeom>
          <a:gradFill>
            <a:gsLst>
              <a:gs pos="50000">
                <a:srgbClr val="000000">
                  <a:alpha val="0"/>
                </a:srgbClr>
              </a:gs>
              <a:gs pos="99000">
                <a:schemeClr val="accent1">
                  <a:lumMod val="50000"/>
                  <a:alpha val="52000"/>
                </a:schemeClr>
              </a:gs>
            </a:gsLst>
            <a:lin ang="16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56E583D2-5C64-7C69-7CAF-9E929917538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71599" y="294538"/>
            <a:ext cx="9895951" cy="1033669"/>
          </a:xfrm>
        </p:spPr>
        <p:txBody>
          <a:bodyPr>
            <a:normAutofit/>
          </a:bodyPr>
          <a:lstStyle/>
          <a:p>
            <a:r>
              <a:rPr lang="en-US" sz="4000" dirty="0">
                <a:solidFill>
                  <a:srgbClr val="FFFFFF"/>
                </a:solidFill>
              </a:rPr>
              <a:t>Azure Resource Manager</a:t>
            </a:r>
            <a:endParaRPr lang="en-NL" sz="4000" dirty="0">
              <a:solidFill>
                <a:srgbClr val="FFFFFF"/>
              </a:solidFill>
            </a:endParaRPr>
          </a:p>
        </p:txBody>
      </p:sp>
      <p:sp>
        <p:nvSpPr>
          <p:cNvPr id="12" name="Content Placeholder 11">
            <a:extLst>
              <a:ext uri="{FF2B5EF4-FFF2-40B4-BE49-F238E27FC236}">
                <a16:creationId xmlns:a16="http://schemas.microsoft.com/office/drawing/2014/main" id="{1AC83F91-6AB3-3806-EF0F-FEE83C98C1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71599" y="2318197"/>
            <a:ext cx="4724401" cy="3683358"/>
          </a:xfrm>
        </p:spPr>
        <p:txBody>
          <a:bodyPr anchor="ctr">
            <a:normAutofit/>
          </a:bodyPr>
          <a:lstStyle/>
          <a:p>
            <a:r>
              <a:rPr lang="en-US" sz="2000" dirty="0"/>
              <a:t>Management layer to create, update, and delete resources</a:t>
            </a:r>
          </a:p>
          <a:p>
            <a:r>
              <a:rPr lang="en-US" sz="2000" dirty="0"/>
              <a:t>Requests from SDKs, tools, portal, etc. all go to the Resource Manager</a:t>
            </a:r>
          </a:p>
          <a:p>
            <a:r>
              <a:rPr lang="en-US" sz="2000" dirty="0"/>
              <a:t>Control plane and data plane</a:t>
            </a:r>
          </a:p>
          <a:p>
            <a:r>
              <a:rPr lang="en-US" sz="2000" dirty="0"/>
              <a:t>New functionality is first released in REST API and later through updates added in SDKs and Portal</a:t>
            </a:r>
          </a:p>
          <a:p>
            <a:r>
              <a:rPr lang="en-US" sz="2000" dirty="0">
                <a:hlinkClick r:id="rId3"/>
              </a:rPr>
              <a:t>https://resources.azure.com</a:t>
            </a:r>
            <a:endParaRPr lang="en-US" sz="2000" dirty="0"/>
          </a:p>
        </p:txBody>
      </p:sp>
      <p:pic>
        <p:nvPicPr>
          <p:cNvPr id="18" name="Content Placeholder 2" descr="Resource Manager request model">
            <a:extLst>
              <a:ext uri="{FF2B5EF4-FFF2-40B4-BE49-F238E27FC236}">
                <a16:creationId xmlns:a16="http://schemas.microsoft.com/office/drawing/2014/main" id="{790140E2-9C42-A55B-614F-DF4BB5AC965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68979" y="2684412"/>
            <a:ext cx="5181600" cy="27271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7779837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 build="p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1B15ED52-F352-441B-82BF-E0EA34836D0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3B2E3793-BFE6-45A2-9B7B-E18844431C9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-1" y="-1"/>
            <a:ext cx="12191998" cy="1590742"/>
          </a:xfrm>
          <a:prstGeom prst="rect">
            <a:avLst/>
          </a:prstGeom>
          <a:gradFill>
            <a:gsLst>
              <a:gs pos="0">
                <a:srgbClr val="000000"/>
              </a:gs>
              <a:gs pos="100000">
                <a:schemeClr val="accent1">
                  <a:lumMod val="75000"/>
                </a:schemeClr>
              </a:gs>
            </a:gsLst>
            <a:lin ang="8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C4C4868-CB8F-4AF9-9CDB-8108F2C19B6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-3" y="0"/>
            <a:ext cx="8115306" cy="1590742"/>
          </a:xfrm>
          <a:prstGeom prst="rect">
            <a:avLst/>
          </a:prstGeom>
          <a:gradFill>
            <a:gsLst>
              <a:gs pos="20000">
                <a:schemeClr val="accent1">
                  <a:alpha val="0"/>
                </a:schemeClr>
              </a:gs>
              <a:gs pos="100000">
                <a:schemeClr val="accent1">
                  <a:lumMod val="50000"/>
                  <a:alpha val="55000"/>
                </a:schemeClr>
              </a:gs>
            </a:gsLst>
            <a:lin ang="13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375E0459-6403-40CD-989D-56A4407CA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8115299" y="-1"/>
            <a:ext cx="4076698" cy="1590742"/>
          </a:xfrm>
          <a:prstGeom prst="rect">
            <a:avLst/>
          </a:prstGeom>
          <a:gradFill>
            <a:gsLst>
              <a:gs pos="0">
                <a:schemeClr val="accent1">
                  <a:alpha val="66000"/>
                </a:schemeClr>
              </a:gs>
              <a:gs pos="100000">
                <a:srgbClr val="000000">
                  <a:alpha val="30000"/>
                </a:srgbClr>
              </a:gs>
            </a:gsLst>
            <a:lin ang="13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53E5B1A8-3AC9-4BD1-9BBC-78CA94F2D1B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59350" y="-1"/>
            <a:ext cx="11732646" cy="1597433"/>
          </a:xfrm>
          <a:prstGeom prst="rect">
            <a:avLst/>
          </a:prstGeom>
          <a:gradFill>
            <a:gsLst>
              <a:gs pos="50000">
                <a:srgbClr val="000000">
                  <a:alpha val="0"/>
                </a:srgbClr>
              </a:gs>
              <a:gs pos="99000">
                <a:schemeClr val="accent1">
                  <a:lumMod val="50000"/>
                  <a:alpha val="52000"/>
                </a:schemeClr>
              </a:gs>
            </a:gsLst>
            <a:lin ang="16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695A02E-CE66-07BC-108D-23C4DD5C45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71599" y="294538"/>
            <a:ext cx="9895951" cy="1033669"/>
          </a:xfrm>
        </p:spPr>
        <p:txBody>
          <a:bodyPr>
            <a:normAutofit/>
          </a:bodyPr>
          <a:lstStyle/>
          <a:p>
            <a:r>
              <a:rPr lang="en-US" sz="4000">
                <a:solidFill>
                  <a:srgbClr val="FFFFFF"/>
                </a:solidFill>
              </a:rPr>
              <a:t>ARM templates</a:t>
            </a:r>
            <a:endParaRPr lang="en-NL" sz="4000">
              <a:solidFill>
                <a:srgbClr val="FFFFFF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1816E73-366D-20A2-8A07-DBB9F0362C3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71599" y="2318197"/>
            <a:ext cx="9724031" cy="3683358"/>
          </a:xfrm>
        </p:spPr>
        <p:txBody>
          <a:bodyPr anchor="ctr">
            <a:normAutofit/>
          </a:bodyPr>
          <a:lstStyle/>
          <a:p>
            <a:r>
              <a:rPr lang="en-US" sz="2000" dirty="0"/>
              <a:t>Declarative approach</a:t>
            </a:r>
          </a:p>
          <a:p>
            <a:r>
              <a:rPr lang="en-US" sz="2000" dirty="0"/>
              <a:t>JSON file</a:t>
            </a:r>
          </a:p>
          <a:p>
            <a:r>
              <a:rPr lang="en-US" sz="2000" dirty="0"/>
              <a:t>Idempotent</a:t>
            </a:r>
          </a:p>
          <a:p>
            <a:r>
              <a:rPr lang="en-US" sz="2000" dirty="0"/>
              <a:t>Deployment modes</a:t>
            </a:r>
          </a:p>
          <a:p>
            <a:pPr lvl="1"/>
            <a:r>
              <a:rPr lang="en-US" sz="2000" dirty="0"/>
              <a:t>Complete</a:t>
            </a:r>
          </a:p>
          <a:p>
            <a:pPr lvl="1"/>
            <a:r>
              <a:rPr lang="en-US" sz="2000" dirty="0"/>
              <a:t>Incremental</a:t>
            </a:r>
          </a:p>
          <a:p>
            <a:r>
              <a:rPr lang="en-US" sz="2000" dirty="0"/>
              <a:t>Template converts into separate REST API operations</a:t>
            </a:r>
          </a:p>
        </p:txBody>
      </p:sp>
    </p:spTree>
    <p:extLst>
      <p:ext uri="{BB962C8B-B14F-4D97-AF65-F5344CB8AC3E}">
        <p14:creationId xmlns:p14="http://schemas.microsoft.com/office/powerpoint/2010/main" val="29912864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9" name="Rectangle 8">
            <a:extLst>
              <a:ext uri="{FF2B5EF4-FFF2-40B4-BE49-F238E27FC236}">
                <a16:creationId xmlns:a16="http://schemas.microsoft.com/office/drawing/2014/main" id="{1B15ED52-F352-441B-82BF-E0EA34836D0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3B2E3793-BFE6-45A2-9B7B-E18844431C9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-1" y="-1"/>
            <a:ext cx="12191998" cy="1590742"/>
          </a:xfrm>
          <a:prstGeom prst="rect">
            <a:avLst/>
          </a:prstGeom>
          <a:gradFill>
            <a:gsLst>
              <a:gs pos="0">
                <a:srgbClr val="000000"/>
              </a:gs>
              <a:gs pos="100000">
                <a:schemeClr val="accent1">
                  <a:lumMod val="75000"/>
                </a:schemeClr>
              </a:gs>
            </a:gsLst>
            <a:lin ang="8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BC4C4868-CB8F-4AF9-9CDB-8108F2C19B6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-3" y="0"/>
            <a:ext cx="8115306" cy="1590742"/>
          </a:xfrm>
          <a:prstGeom prst="rect">
            <a:avLst/>
          </a:prstGeom>
          <a:gradFill>
            <a:gsLst>
              <a:gs pos="20000">
                <a:schemeClr val="accent1">
                  <a:alpha val="0"/>
                </a:schemeClr>
              </a:gs>
              <a:gs pos="100000">
                <a:schemeClr val="accent1">
                  <a:lumMod val="50000"/>
                  <a:alpha val="55000"/>
                </a:schemeClr>
              </a:gs>
            </a:gsLst>
            <a:lin ang="13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375E0459-6403-40CD-989D-56A4407CA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8115299" y="-1"/>
            <a:ext cx="4076698" cy="1590742"/>
          </a:xfrm>
          <a:prstGeom prst="rect">
            <a:avLst/>
          </a:prstGeom>
          <a:gradFill>
            <a:gsLst>
              <a:gs pos="0">
                <a:schemeClr val="accent1">
                  <a:alpha val="66000"/>
                </a:schemeClr>
              </a:gs>
              <a:gs pos="100000">
                <a:srgbClr val="000000">
                  <a:alpha val="30000"/>
                </a:srgbClr>
              </a:gs>
            </a:gsLst>
            <a:lin ang="13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53E5B1A8-3AC9-4BD1-9BBC-78CA94F2D1B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59350" y="-1"/>
            <a:ext cx="11732646" cy="1597433"/>
          </a:xfrm>
          <a:prstGeom prst="rect">
            <a:avLst/>
          </a:prstGeom>
          <a:gradFill>
            <a:gsLst>
              <a:gs pos="50000">
                <a:srgbClr val="000000">
                  <a:alpha val="0"/>
                </a:srgbClr>
              </a:gs>
              <a:gs pos="99000">
                <a:schemeClr val="accent1">
                  <a:lumMod val="50000"/>
                  <a:alpha val="52000"/>
                </a:schemeClr>
              </a:gs>
            </a:gsLst>
            <a:lin ang="16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9A8753B-C547-0F8C-3086-988CE8E616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71599" y="294538"/>
            <a:ext cx="9895951" cy="1033669"/>
          </a:xfrm>
        </p:spPr>
        <p:txBody>
          <a:bodyPr>
            <a:normAutofit/>
          </a:bodyPr>
          <a:lstStyle/>
          <a:p>
            <a:r>
              <a:rPr lang="en-US" sz="4000">
                <a:solidFill>
                  <a:srgbClr val="FFFFFF"/>
                </a:solidFill>
              </a:rPr>
              <a:t>Bicep</a:t>
            </a:r>
            <a:endParaRPr lang="en-NL" sz="4000">
              <a:solidFill>
                <a:srgbClr val="FFFFFF"/>
              </a:solidFill>
            </a:endParaRP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1D0654A-4FA5-EFE9-4359-9BAF9C8C6FE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71599" y="2318197"/>
            <a:ext cx="9724031" cy="3683358"/>
          </a:xfrm>
        </p:spPr>
        <p:txBody>
          <a:bodyPr anchor="ctr">
            <a:normAutofit/>
          </a:bodyPr>
          <a:lstStyle/>
          <a:p>
            <a:r>
              <a:rPr lang="en-US" sz="2000"/>
              <a:t>Gets transpiled into ARM template </a:t>
            </a:r>
          </a:p>
          <a:p>
            <a:r>
              <a:rPr lang="en-US" sz="2000"/>
              <a:t>Simpler syntax</a:t>
            </a:r>
          </a:p>
          <a:p>
            <a:r>
              <a:rPr lang="en-US" sz="2000"/>
              <a:t>Domain-specific language</a:t>
            </a:r>
          </a:p>
          <a:p>
            <a:r>
              <a:rPr lang="en-US" sz="2000"/>
              <a:t>Provided by MS team that owns the APIs it runs against</a:t>
            </a:r>
          </a:p>
          <a:p>
            <a:r>
              <a:rPr lang="en-US" sz="2000"/>
              <a:t>Supports everything ARM templates suppor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4329159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build="p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1B15ED52-F352-441B-82BF-E0EA34836D0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3B2E3793-BFE6-45A2-9B7B-E18844431C9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-1" y="-1"/>
            <a:ext cx="12191998" cy="1590742"/>
          </a:xfrm>
          <a:prstGeom prst="rect">
            <a:avLst/>
          </a:prstGeom>
          <a:gradFill>
            <a:gsLst>
              <a:gs pos="0">
                <a:srgbClr val="000000"/>
              </a:gs>
              <a:gs pos="100000">
                <a:schemeClr val="accent1">
                  <a:lumMod val="75000"/>
                </a:schemeClr>
              </a:gs>
            </a:gsLst>
            <a:lin ang="8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C4C4868-CB8F-4AF9-9CDB-8108F2C19B6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-3" y="0"/>
            <a:ext cx="8115306" cy="1590742"/>
          </a:xfrm>
          <a:prstGeom prst="rect">
            <a:avLst/>
          </a:prstGeom>
          <a:gradFill>
            <a:gsLst>
              <a:gs pos="20000">
                <a:schemeClr val="accent1">
                  <a:alpha val="0"/>
                </a:schemeClr>
              </a:gs>
              <a:gs pos="100000">
                <a:schemeClr val="accent1">
                  <a:lumMod val="50000"/>
                  <a:alpha val="55000"/>
                </a:schemeClr>
              </a:gs>
            </a:gsLst>
            <a:lin ang="13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375E0459-6403-40CD-989D-56A4407CA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8115299" y="-1"/>
            <a:ext cx="4076698" cy="1590742"/>
          </a:xfrm>
          <a:prstGeom prst="rect">
            <a:avLst/>
          </a:prstGeom>
          <a:gradFill>
            <a:gsLst>
              <a:gs pos="0">
                <a:schemeClr val="accent1">
                  <a:alpha val="66000"/>
                </a:schemeClr>
              </a:gs>
              <a:gs pos="100000">
                <a:srgbClr val="000000">
                  <a:alpha val="30000"/>
                </a:srgbClr>
              </a:gs>
            </a:gsLst>
            <a:lin ang="13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53E5B1A8-3AC9-4BD1-9BBC-78CA94F2D1B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59350" y="-1"/>
            <a:ext cx="11732646" cy="1597433"/>
          </a:xfrm>
          <a:prstGeom prst="rect">
            <a:avLst/>
          </a:prstGeom>
          <a:gradFill>
            <a:gsLst>
              <a:gs pos="50000">
                <a:srgbClr val="000000">
                  <a:alpha val="0"/>
                </a:srgbClr>
              </a:gs>
              <a:gs pos="99000">
                <a:schemeClr val="accent1">
                  <a:lumMod val="50000"/>
                  <a:alpha val="52000"/>
                </a:schemeClr>
              </a:gs>
            </a:gsLst>
            <a:lin ang="16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6265B6E-4FF0-9B25-4E7B-89FD2072502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71599" y="294538"/>
            <a:ext cx="9895951" cy="1033669"/>
          </a:xfrm>
        </p:spPr>
        <p:txBody>
          <a:bodyPr>
            <a:normAutofit/>
          </a:bodyPr>
          <a:lstStyle/>
          <a:p>
            <a:r>
              <a:rPr lang="en-US" sz="4000">
                <a:solidFill>
                  <a:srgbClr val="FFFFFF"/>
                </a:solidFill>
              </a:rPr>
              <a:t>Tooling</a:t>
            </a:r>
            <a:endParaRPr lang="en-NL" sz="4000">
              <a:solidFill>
                <a:srgbClr val="FFFFFF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EBA27FB-39E5-D39A-FEF1-9168E8B412F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71599" y="2318197"/>
            <a:ext cx="9724031" cy="3683358"/>
          </a:xfrm>
        </p:spPr>
        <p:txBody>
          <a:bodyPr anchor="ctr">
            <a:normAutofit/>
          </a:bodyPr>
          <a:lstStyle/>
          <a:p>
            <a:r>
              <a:rPr lang="en-US" sz="1600"/>
              <a:t>Bicep VS Code extension</a:t>
            </a:r>
          </a:p>
          <a:p>
            <a:pPr lvl="1"/>
            <a:r>
              <a:rPr lang="en-US" sz="1600"/>
              <a:t>Intellisense</a:t>
            </a:r>
          </a:p>
          <a:p>
            <a:pPr lvl="1"/>
            <a:r>
              <a:rPr lang="en-US" sz="1600"/>
              <a:t>Code navigation</a:t>
            </a:r>
          </a:p>
          <a:p>
            <a:pPr lvl="1"/>
            <a:r>
              <a:rPr lang="en-US" sz="1600"/>
              <a:t>Refactoring</a:t>
            </a:r>
          </a:p>
          <a:p>
            <a:pPr lvl="1"/>
            <a:r>
              <a:rPr lang="en-US" sz="1600"/>
              <a:t>Commands</a:t>
            </a:r>
          </a:p>
          <a:p>
            <a:r>
              <a:rPr lang="en-US" sz="1600"/>
              <a:t>Bicep config file</a:t>
            </a:r>
          </a:p>
          <a:p>
            <a:pPr lvl="1"/>
            <a:r>
              <a:rPr lang="en-US" sz="1600"/>
              <a:t>Linter rules</a:t>
            </a:r>
          </a:p>
          <a:p>
            <a:pPr lvl="1"/>
            <a:r>
              <a:rPr lang="en-US" sz="1600"/>
              <a:t>Authentication</a:t>
            </a:r>
          </a:p>
          <a:p>
            <a:pPr lvl="1"/>
            <a:r>
              <a:rPr lang="en-US" sz="1600"/>
              <a:t>Experimental features</a:t>
            </a:r>
          </a:p>
          <a:p>
            <a:pPr lvl="1"/>
            <a:r>
              <a:rPr lang="en-US" sz="1600"/>
              <a:t>Aliases</a:t>
            </a:r>
          </a:p>
          <a:p>
            <a:r>
              <a:rPr lang="en-US" sz="1600"/>
              <a:t>Visualizer</a:t>
            </a:r>
          </a:p>
          <a:p>
            <a:r>
              <a:rPr lang="en-US" sz="1600"/>
              <a:t>Preview changes</a:t>
            </a:r>
            <a:endParaRPr lang="en-NL" sz="1600"/>
          </a:p>
        </p:txBody>
      </p:sp>
    </p:spTree>
    <p:extLst>
      <p:ext uri="{BB962C8B-B14F-4D97-AF65-F5344CB8AC3E}">
        <p14:creationId xmlns:p14="http://schemas.microsoft.com/office/powerpoint/2010/main" val="33355539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5" name="Rectangle 7">
            <a:extLst>
              <a:ext uri="{FF2B5EF4-FFF2-40B4-BE49-F238E27FC236}">
                <a16:creationId xmlns:a16="http://schemas.microsoft.com/office/drawing/2014/main" id="{1B15ED52-F352-441B-82BF-E0EA34836D0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Rectangle 9">
            <a:extLst>
              <a:ext uri="{FF2B5EF4-FFF2-40B4-BE49-F238E27FC236}">
                <a16:creationId xmlns:a16="http://schemas.microsoft.com/office/drawing/2014/main" id="{3B2E3793-BFE6-45A2-9B7B-E18844431C9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-1" y="-1"/>
            <a:ext cx="12191998" cy="1590742"/>
          </a:xfrm>
          <a:prstGeom prst="rect">
            <a:avLst/>
          </a:prstGeom>
          <a:gradFill>
            <a:gsLst>
              <a:gs pos="0">
                <a:srgbClr val="000000"/>
              </a:gs>
              <a:gs pos="100000">
                <a:schemeClr val="accent1">
                  <a:lumMod val="75000"/>
                </a:schemeClr>
              </a:gs>
            </a:gsLst>
            <a:lin ang="8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Rectangle 11">
            <a:extLst>
              <a:ext uri="{FF2B5EF4-FFF2-40B4-BE49-F238E27FC236}">
                <a16:creationId xmlns:a16="http://schemas.microsoft.com/office/drawing/2014/main" id="{BC4C4868-CB8F-4AF9-9CDB-8108F2C19B6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-3" y="0"/>
            <a:ext cx="8115306" cy="1590742"/>
          </a:xfrm>
          <a:prstGeom prst="rect">
            <a:avLst/>
          </a:prstGeom>
          <a:gradFill>
            <a:gsLst>
              <a:gs pos="20000">
                <a:schemeClr val="accent1">
                  <a:alpha val="0"/>
                </a:schemeClr>
              </a:gs>
              <a:gs pos="100000">
                <a:schemeClr val="accent1">
                  <a:lumMod val="50000"/>
                  <a:alpha val="55000"/>
                </a:schemeClr>
              </a:gs>
            </a:gsLst>
            <a:lin ang="13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Rectangle 13">
            <a:extLst>
              <a:ext uri="{FF2B5EF4-FFF2-40B4-BE49-F238E27FC236}">
                <a16:creationId xmlns:a16="http://schemas.microsoft.com/office/drawing/2014/main" id="{375E0459-6403-40CD-989D-56A4407CA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8115299" y="-1"/>
            <a:ext cx="4076698" cy="1590742"/>
          </a:xfrm>
          <a:prstGeom prst="rect">
            <a:avLst/>
          </a:prstGeom>
          <a:gradFill>
            <a:gsLst>
              <a:gs pos="0">
                <a:schemeClr val="accent1">
                  <a:alpha val="66000"/>
                </a:schemeClr>
              </a:gs>
              <a:gs pos="100000">
                <a:srgbClr val="000000">
                  <a:alpha val="30000"/>
                </a:srgbClr>
              </a:gs>
            </a:gsLst>
            <a:lin ang="13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5">
            <a:extLst>
              <a:ext uri="{FF2B5EF4-FFF2-40B4-BE49-F238E27FC236}">
                <a16:creationId xmlns:a16="http://schemas.microsoft.com/office/drawing/2014/main" id="{53E5B1A8-3AC9-4BD1-9BBC-78CA94F2D1B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59350" y="-1"/>
            <a:ext cx="11732646" cy="1597433"/>
          </a:xfrm>
          <a:prstGeom prst="rect">
            <a:avLst/>
          </a:prstGeom>
          <a:gradFill>
            <a:gsLst>
              <a:gs pos="50000">
                <a:srgbClr val="000000">
                  <a:alpha val="0"/>
                </a:srgbClr>
              </a:gs>
              <a:gs pos="99000">
                <a:schemeClr val="accent1">
                  <a:lumMod val="50000"/>
                  <a:alpha val="52000"/>
                </a:schemeClr>
              </a:gs>
            </a:gsLst>
            <a:lin ang="16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A33AF32-46BF-9613-B8B8-FC61E3940BC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71599" y="294538"/>
            <a:ext cx="9895951" cy="1033669"/>
          </a:xfrm>
        </p:spPr>
        <p:txBody>
          <a:bodyPr>
            <a:normAutofit/>
          </a:bodyPr>
          <a:lstStyle/>
          <a:p>
            <a:r>
              <a:rPr lang="en-US" sz="4000">
                <a:solidFill>
                  <a:srgbClr val="FFFFFF"/>
                </a:solidFill>
              </a:rPr>
              <a:t>Sharing Bicep across an organization</a:t>
            </a:r>
            <a:endParaRPr lang="en-NL" sz="4000">
              <a:solidFill>
                <a:srgbClr val="FFFFFF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76F703F-E73A-1557-3F65-01C68015C7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71599" y="2318197"/>
            <a:ext cx="9724031" cy="3683358"/>
          </a:xfrm>
        </p:spPr>
        <p:txBody>
          <a:bodyPr anchor="ctr">
            <a:normAutofit/>
          </a:bodyPr>
          <a:lstStyle/>
          <a:p>
            <a:r>
              <a:rPr lang="en-US" sz="2000"/>
              <a:t>We had a lot of APIs in different repositories</a:t>
            </a:r>
          </a:p>
          <a:p>
            <a:r>
              <a:rPr lang="en-US" sz="2000"/>
              <a:t>Reduce code duplication</a:t>
            </a:r>
          </a:p>
          <a:p>
            <a:r>
              <a:rPr lang="en-US" sz="2000"/>
              <a:t>Increase quality</a:t>
            </a:r>
          </a:p>
          <a:p>
            <a:r>
              <a:rPr lang="en-US" sz="2000"/>
              <a:t>Source control</a:t>
            </a:r>
          </a:p>
          <a:p>
            <a:r>
              <a:rPr lang="en-US" sz="2000"/>
              <a:t>Versioning</a:t>
            </a:r>
          </a:p>
          <a:p>
            <a:r>
              <a:rPr lang="en-US" sz="2000"/>
              <a:t>Template specs</a:t>
            </a:r>
          </a:p>
          <a:p>
            <a:r>
              <a:rPr lang="en-US" sz="2000"/>
              <a:t>Private registries</a:t>
            </a:r>
          </a:p>
          <a:p>
            <a:endParaRPr lang="en-NL" sz="2000"/>
          </a:p>
        </p:txBody>
      </p:sp>
    </p:spTree>
    <p:extLst>
      <p:ext uri="{BB962C8B-B14F-4D97-AF65-F5344CB8AC3E}">
        <p14:creationId xmlns:p14="http://schemas.microsoft.com/office/powerpoint/2010/main" val="83417873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9" name="Rectangle 8">
            <a:extLst>
              <a:ext uri="{FF2B5EF4-FFF2-40B4-BE49-F238E27FC236}">
                <a16:creationId xmlns:a16="http://schemas.microsoft.com/office/drawing/2014/main" id="{1B15ED52-F352-441B-82BF-E0EA34836D0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3B2E3793-BFE6-45A2-9B7B-E18844431C9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-1" y="-1"/>
            <a:ext cx="12191998" cy="1590742"/>
          </a:xfrm>
          <a:prstGeom prst="rect">
            <a:avLst/>
          </a:prstGeom>
          <a:gradFill>
            <a:gsLst>
              <a:gs pos="0">
                <a:srgbClr val="000000"/>
              </a:gs>
              <a:gs pos="100000">
                <a:schemeClr val="accent1">
                  <a:lumMod val="75000"/>
                </a:schemeClr>
              </a:gs>
            </a:gsLst>
            <a:lin ang="8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BC4C4868-CB8F-4AF9-9CDB-8108F2C19B6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-3" y="0"/>
            <a:ext cx="8115306" cy="1590742"/>
          </a:xfrm>
          <a:prstGeom prst="rect">
            <a:avLst/>
          </a:prstGeom>
          <a:gradFill>
            <a:gsLst>
              <a:gs pos="20000">
                <a:schemeClr val="accent1">
                  <a:alpha val="0"/>
                </a:schemeClr>
              </a:gs>
              <a:gs pos="100000">
                <a:schemeClr val="accent1">
                  <a:lumMod val="50000"/>
                  <a:alpha val="55000"/>
                </a:schemeClr>
              </a:gs>
            </a:gsLst>
            <a:lin ang="13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375E0459-6403-40CD-989D-56A4407CA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8115299" y="-1"/>
            <a:ext cx="4076698" cy="1590742"/>
          </a:xfrm>
          <a:prstGeom prst="rect">
            <a:avLst/>
          </a:prstGeom>
          <a:gradFill>
            <a:gsLst>
              <a:gs pos="0">
                <a:schemeClr val="accent1">
                  <a:alpha val="66000"/>
                </a:schemeClr>
              </a:gs>
              <a:gs pos="100000">
                <a:srgbClr val="000000">
                  <a:alpha val="30000"/>
                </a:srgbClr>
              </a:gs>
            </a:gsLst>
            <a:lin ang="13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53E5B1A8-3AC9-4BD1-9BBC-78CA94F2D1B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59350" y="-1"/>
            <a:ext cx="11732646" cy="1597433"/>
          </a:xfrm>
          <a:prstGeom prst="rect">
            <a:avLst/>
          </a:prstGeom>
          <a:gradFill>
            <a:gsLst>
              <a:gs pos="50000">
                <a:srgbClr val="000000">
                  <a:alpha val="0"/>
                </a:srgbClr>
              </a:gs>
              <a:gs pos="99000">
                <a:schemeClr val="accent1">
                  <a:lumMod val="50000"/>
                  <a:alpha val="52000"/>
                </a:schemeClr>
              </a:gs>
            </a:gsLst>
            <a:lin ang="16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9A8753B-C547-0F8C-3086-988CE8E616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71599" y="294538"/>
            <a:ext cx="9895951" cy="1033669"/>
          </a:xfrm>
        </p:spPr>
        <p:txBody>
          <a:bodyPr>
            <a:normAutofit/>
          </a:bodyPr>
          <a:lstStyle/>
          <a:p>
            <a:r>
              <a:rPr lang="en-US" sz="4000">
                <a:solidFill>
                  <a:srgbClr val="FFFFFF"/>
                </a:solidFill>
              </a:rPr>
              <a:t>Template specs</a:t>
            </a:r>
            <a:endParaRPr lang="en-NL" sz="4000">
              <a:solidFill>
                <a:srgbClr val="FFFFFF"/>
              </a:solidFill>
            </a:endParaRP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F2A8D4A-50D3-5438-1A56-D2349B3A675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71599" y="2318197"/>
            <a:ext cx="9724031" cy="3683358"/>
          </a:xfrm>
        </p:spPr>
        <p:txBody>
          <a:bodyPr anchor="ctr">
            <a:normAutofit/>
          </a:bodyPr>
          <a:lstStyle/>
          <a:p>
            <a:r>
              <a:rPr lang="en-US" sz="2000" dirty="0"/>
              <a:t>Designed to be deployed as a complete template</a:t>
            </a:r>
          </a:p>
          <a:p>
            <a:r>
              <a:rPr lang="en-US" sz="2000" dirty="0"/>
              <a:t>It’s an Azure resource</a:t>
            </a:r>
          </a:p>
          <a:p>
            <a:r>
              <a:rPr lang="en-US" sz="2000" dirty="0"/>
              <a:t>Provides access control</a:t>
            </a:r>
          </a:p>
          <a:p>
            <a:r>
              <a:rPr lang="en-US" sz="2000" dirty="0"/>
              <a:t>Provides versioning</a:t>
            </a:r>
          </a:p>
          <a:p>
            <a:r>
              <a:rPr lang="en-US" sz="2000" dirty="0"/>
              <a:t>Can be deployed through Portal, CLI, PowerShell, Bicep</a:t>
            </a:r>
            <a:endParaRPr lang="en-NL" sz="2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6178004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build="p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15257767671092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152577676710926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152577676710929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152577676710929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152577676710929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152577676710929"/>
</p:tagLst>
</file>

<file path=ppt/theme/theme1.xml><?xml version="1.0" encoding="utf-8"?>
<a:theme xmlns:a="http://schemas.openxmlformats.org/drawingml/2006/main" name="Corporate identity">
  <a:themeElements>
    <a:clrScheme name="Colors Virtual Vaults">
      <a:dk1>
        <a:srgbClr val="000000"/>
      </a:dk1>
      <a:lt1>
        <a:srgbClr val="FFFFFF"/>
      </a:lt1>
      <a:dk2>
        <a:srgbClr val="0800FE"/>
      </a:dk2>
      <a:lt2>
        <a:srgbClr val="FFFFFF"/>
      </a:lt2>
      <a:accent1>
        <a:srgbClr val="0800FE"/>
      </a:accent1>
      <a:accent2>
        <a:srgbClr val="989FFE"/>
      </a:accent2>
      <a:accent3>
        <a:srgbClr val="DC6E63"/>
      </a:accent3>
      <a:accent4>
        <a:srgbClr val="6BC9CD"/>
      </a:accent4>
      <a:accent5>
        <a:srgbClr val="FCAEE8"/>
      </a:accent5>
      <a:accent6>
        <a:srgbClr val="3E98DA"/>
      </a:accent6>
      <a:hlink>
        <a:srgbClr val="000000"/>
      </a:hlink>
      <a:folHlink>
        <a:srgbClr val="000000"/>
      </a:folHlink>
    </a:clrScheme>
    <a:fontScheme name="Fonts Virtual Vaults">
      <a:majorFont>
        <a:latin typeface="Maison Neue Bold"/>
        <a:ea typeface=""/>
        <a:cs typeface=""/>
      </a:majorFont>
      <a:minorFont>
        <a:latin typeface="Roboto"/>
        <a:ea typeface=""/>
        <a:cs typeface="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 Virtual Vaults.potx" id="{BFF90402-0001-4F5C-AAA2-1E7AF2629AA5}" vid="{21586870-74FD-4E16-81D0-DC602EF3965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Kantoorthema">
  <a:themeElements>
    <a:clrScheme name="Notes colors">
      <a:dk1>
        <a:srgbClr val="000000"/>
      </a:dk1>
      <a:lt1>
        <a:srgbClr val="FFFFFF"/>
      </a:lt1>
      <a:dk2>
        <a:srgbClr val="0800FE"/>
      </a:dk2>
      <a:lt2>
        <a:srgbClr val="FFFFFF"/>
      </a:lt2>
      <a:accent1>
        <a:srgbClr val="0800FE"/>
      </a:accent1>
      <a:accent2>
        <a:srgbClr val="989FFE"/>
      </a:accent2>
      <a:accent3>
        <a:srgbClr val="DC6E63"/>
      </a:accent3>
      <a:accent4>
        <a:srgbClr val="6BC9CD"/>
      </a:accent4>
      <a:accent5>
        <a:srgbClr val="FCAEE8"/>
      </a:accent5>
      <a:accent6>
        <a:srgbClr val="3E98DA"/>
      </a:accent6>
      <a:hlink>
        <a:srgbClr val="000000"/>
      </a:hlink>
      <a:folHlink>
        <a:srgbClr val="000000"/>
      </a:folHlink>
    </a:clrScheme>
    <a:fontScheme name="Notes fonts">
      <a:majorFont>
        <a:latin typeface="Maison Neue Bold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Roboto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Kantoorthema">
  <a:themeElements>
    <a:clrScheme name="Handout colors">
      <a:dk1>
        <a:srgbClr val="000000"/>
      </a:dk1>
      <a:lt1>
        <a:srgbClr val="FFFFFF"/>
      </a:lt1>
      <a:dk2>
        <a:srgbClr val="0800FE"/>
      </a:dk2>
      <a:lt2>
        <a:srgbClr val="FFFFFF"/>
      </a:lt2>
      <a:accent1>
        <a:srgbClr val="0800FE"/>
      </a:accent1>
      <a:accent2>
        <a:srgbClr val="989FFE"/>
      </a:accent2>
      <a:accent3>
        <a:srgbClr val="DC6E63"/>
      </a:accent3>
      <a:accent4>
        <a:srgbClr val="6BC9CD"/>
      </a:accent4>
      <a:accent5>
        <a:srgbClr val="FCAEE8"/>
      </a:accent5>
      <a:accent6>
        <a:srgbClr val="3E98DA"/>
      </a:accent6>
      <a:hlink>
        <a:srgbClr val="000000"/>
      </a:hlink>
      <a:folHlink>
        <a:srgbClr val="000000"/>
      </a:folHlink>
    </a:clrScheme>
    <a:fontScheme name="Handout fonts">
      <a:majorFont>
        <a:latin typeface="Maison Neue Bold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Roboto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357AFDDFE61B584699C3197B5743683F" ma:contentTypeVersion="16" ma:contentTypeDescription="Create a new document." ma:contentTypeScope="" ma:versionID="fa3f30a9a67d5c4776432eff3f2eae55">
  <xsd:schema xmlns:xsd="http://www.w3.org/2001/XMLSchema" xmlns:xs="http://www.w3.org/2001/XMLSchema" xmlns:p="http://schemas.microsoft.com/office/2006/metadata/properties" xmlns:ns2="808f63fa-5536-43be-88e9-865e69937ffb" xmlns:ns3="8484406e-7563-4366-bc92-2732ad197a11" targetNamespace="http://schemas.microsoft.com/office/2006/metadata/properties" ma:root="true" ma:fieldsID="16e3a7a9d4bde49e679d0a9815ddbb98" ns2:_="" ns3:_="">
    <xsd:import namespace="808f63fa-5536-43be-88e9-865e69937ffb"/>
    <xsd:import namespace="8484406e-7563-4366-bc92-2732ad197a11"/>
    <xsd:element name="properties">
      <xsd:complexType>
        <xsd:sequence>
          <xsd:element name="documentManagement">
            <xsd:complexType>
              <xsd:all>
                <xsd:element ref="ns2:SharedWithUsers" minOccurs="0"/>
                <xsd:element ref="ns2:SharedWithDetails" minOccurs="0"/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OCR" minOccurs="0"/>
                <xsd:element ref="ns3:MediaServiceLocation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  <xsd:element ref="ns3:MediaLengthInSeconds" minOccurs="0"/>
                <xsd:element ref="ns3:lcf76f155ced4ddcb4097134ff3c332f" minOccurs="0"/>
                <xsd:element ref="ns2:TaxCatchAl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08f63fa-5536-43be-88e9-865e69937ffb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Shared With Details" ma:description="" ma:internalName="SharedWithDetails" ma:readOnly="true">
      <xsd:simpleType>
        <xsd:restriction base="dms:Note">
          <xsd:maxLength value="255"/>
        </xsd:restriction>
      </xsd:simpleType>
    </xsd:element>
    <xsd:element name="TaxCatchAll" ma:index="23" nillable="true" ma:displayName="Taxonomy Catch All Column" ma:hidden="true" ma:list="{8a3dcc96-b165-4a6b-9716-2feca845274e}" ma:internalName="TaxCatchAll" ma:showField="CatchAllData" ma:web="808f63fa-5536-43be-88e9-865e69937ffb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484406e-7563-4366-bc92-2732ad197a11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0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11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3" nillable="true" ma:displayName="MediaServiceAutoTags" ma:internalName="MediaServiceAutoTags" ma:readOnly="true">
      <xsd:simpleType>
        <xsd:restriction base="dms:Text"/>
      </xsd:simpleType>
    </xsd:element>
    <xsd:element name="MediaServiceOCR" ma:index="14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5" nillable="true" ma:displayName="Location" ma:internalName="MediaServiceLocatio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LengthInSeconds" ma:index="20" nillable="true" ma:displayName="Length (seconds)" ma:internalName="MediaLengthInSeconds" ma:readOnly="true">
      <xsd:simpleType>
        <xsd:restriction base="dms:Unknown"/>
      </xsd:simpleType>
    </xsd:element>
    <xsd:element name="lcf76f155ced4ddcb4097134ff3c332f" ma:index="22" nillable="true" ma:taxonomy="true" ma:internalName="lcf76f155ced4ddcb4097134ff3c332f" ma:taxonomyFieldName="MediaServiceImageTags" ma:displayName="Image Tags" ma:readOnly="false" ma:fieldId="{5cf76f15-5ced-4ddc-b409-7134ff3c332f}" ma:taxonomyMulti="true" ma:sspId="b3ed4809-4cb5-4545-ac91-3c72df2dc649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10.xml><?xml version="1.0" encoding="utf-8"?>
<juid xmlns="http://www.joulesunlimited.com/juid"/>
</file>

<file path=customXml/item11.xml><?xml version="1.0" encoding="utf-8"?>
<juid xmlns="http://www.joulesunlimited.com/juid"/>
</file>

<file path=customXml/item12.xml><?xml version="1.0" encoding="utf-8"?>
<juid xmlns="http://www.joulesunlimited.com/juid"/>
</file>

<file path=customXml/item13.xml><?xml version="1.0" encoding="utf-8"?>
<juid xmlns="http://www.joulesunlimited.com/juid"/>
</file>

<file path=customXml/item14.xml><?xml version="1.0" encoding="utf-8"?>
<juid xmlns="http://www.joulesunlimited.com/juid"/>
</file>

<file path=customXml/item15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16.xml><?xml version="1.0" encoding="utf-8"?>
<juid xmlns="http://www.joulesunlimited.com/juid"/>
</file>

<file path=customXml/item17.xml><?xml version="1.0" encoding="utf-8"?>
<juid xmlns="http://www.joulesunlimited.com/juid"/>
</file>

<file path=customXml/item18.xml><?xml version="1.0" encoding="utf-8"?>
<juid xmlns="http://www.joulesunlimited.com/juid"/>
</file>

<file path=customXml/item19.xml><?xml version="1.0" encoding="utf-8"?>
<juid xmlns="http://www.joulesunlimited.com/juid"/>
</file>

<file path=customXml/item2.xml><?xml version="1.0" encoding="utf-8"?>
<juid xmlns="http://www.joulesunlimited.com/juid"/>
</file>

<file path=customXml/item20.xml><?xml version="1.0" encoding="utf-8"?>
<juid xmlns="http://www.joulesunlimited.com/juid"/>
</file>

<file path=customXml/item21.xml><?xml version="1.0" encoding="utf-8"?>
<juid xmlns="http://www.joulesunlimited.com/juid"/>
</file>

<file path=customXml/item22.xml><?xml version="1.0" encoding="utf-8"?>
<juid xmlns="http://www.joulesunlimited.com/juid"/>
</file>

<file path=customXml/item23.xml><?xml version="1.0" encoding="utf-8"?>
<juid xmlns="http://www.joulesunlimited.com/juid"/>
</file>

<file path=customXml/item24.xml><?xml version="1.0" encoding="utf-8"?>
<juid xmlns="http://www.joulesunlimited.com/juid"/>
</file>

<file path=customXml/item25.xml><?xml version="1.0" encoding="utf-8"?>
<juid xmlns="http://www.joulesunlimited.com/juid"/>
</file>

<file path=customXml/item26.xml><?xml version="1.0" encoding="utf-8"?>
<juid xmlns="http://www.joulesunlimited.com/juid"/>
</file>

<file path=customXml/item3.xml><?xml version="1.0" encoding="utf-8"?>
<juid xmlns="http://www.joulesunlimited.com/juid"/>
</file>

<file path=customXml/item4.xml><?xml version="1.0" encoding="utf-8"?>
<juid xmlns="http://www.joulesunlimited.com/juid"/>
</file>

<file path=customXml/item5.xml><?xml version="1.0" encoding="utf-8"?>
<juid xmlns="http://www.joulesunlimited.com/juid"/>
</file>

<file path=customXml/item6.xml><?xml version="1.0" encoding="utf-8"?>
<juid xmlns="http://www.joulesunlimited.com/juid"/>
</file>

<file path=customXml/item7.xml><?xml version="1.0" encoding="utf-8"?>
<juid xmlns="http://www.joulesunlimited.com/juid"/>
</file>

<file path=customXml/item8.xml><?xml version="1.0" encoding="utf-8"?>
<juid xmlns="http://www.joulesunlimited.com/juid"/>
</file>

<file path=customXml/item9.xml><?xml version="1.0" encoding="utf-8"?>
<juid xmlns="http://www.joulesunlimited.com/juid"/>
</file>

<file path=customXml/itemProps1.xml><?xml version="1.0" encoding="utf-8"?>
<ds:datastoreItem xmlns:ds="http://schemas.openxmlformats.org/officeDocument/2006/customXml" ds:itemID="{B793884D-CF93-4F2A-87B0-1B6E3EA6CB8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808f63fa-5536-43be-88e9-865e69937ffb"/>
    <ds:schemaRef ds:uri="8484406e-7563-4366-bc92-2732ad197a11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10.xml><?xml version="1.0" encoding="utf-8"?>
<ds:datastoreItem xmlns:ds="http://schemas.openxmlformats.org/officeDocument/2006/customXml" ds:itemID="{B9D859B7-3EE2-4C1C-95AE-EE3B62ADBD54}">
  <ds:schemaRefs>
    <ds:schemaRef ds:uri="http://www.joulesunlimited.com/juid"/>
  </ds:schemaRefs>
</ds:datastoreItem>
</file>

<file path=customXml/itemProps11.xml><?xml version="1.0" encoding="utf-8"?>
<ds:datastoreItem xmlns:ds="http://schemas.openxmlformats.org/officeDocument/2006/customXml" ds:itemID="{B4A3DF07-ABD1-4BAB-B2D6-DE81D10128EA}">
  <ds:schemaRefs>
    <ds:schemaRef ds:uri="http://www.joulesunlimited.com/juid"/>
  </ds:schemaRefs>
</ds:datastoreItem>
</file>

<file path=customXml/itemProps12.xml><?xml version="1.0" encoding="utf-8"?>
<ds:datastoreItem xmlns:ds="http://schemas.openxmlformats.org/officeDocument/2006/customXml" ds:itemID="{4B1E0039-46B5-4C3B-A29C-11E0BD400484}">
  <ds:schemaRefs>
    <ds:schemaRef ds:uri="http://www.joulesunlimited.com/juid"/>
  </ds:schemaRefs>
</ds:datastoreItem>
</file>

<file path=customXml/itemProps13.xml><?xml version="1.0" encoding="utf-8"?>
<ds:datastoreItem xmlns:ds="http://schemas.openxmlformats.org/officeDocument/2006/customXml" ds:itemID="{9182BF8C-A354-4867-BA66-D9D0C9CB4E4A}">
  <ds:schemaRefs>
    <ds:schemaRef ds:uri="http://www.joulesunlimited.com/juid"/>
  </ds:schemaRefs>
</ds:datastoreItem>
</file>

<file path=customXml/itemProps14.xml><?xml version="1.0" encoding="utf-8"?>
<ds:datastoreItem xmlns:ds="http://schemas.openxmlformats.org/officeDocument/2006/customXml" ds:itemID="{BF6CE732-5E4D-4B11-A34F-E34F9D001829}">
  <ds:schemaRefs>
    <ds:schemaRef ds:uri="http://www.joulesunlimited.com/juid"/>
  </ds:schemaRefs>
</ds:datastoreItem>
</file>

<file path=customXml/itemProps15.xml><?xml version="1.0" encoding="utf-8"?>
<ds:datastoreItem xmlns:ds="http://schemas.openxmlformats.org/officeDocument/2006/customXml" ds:itemID="{218AE9E7-8219-480F-958F-2A462CBF6CE5}">
  <ds:schemaRefs>
    <ds:schemaRef ds:uri="http://schemas.microsoft.com/sharepoint/v3/contenttype/forms"/>
  </ds:schemaRefs>
</ds:datastoreItem>
</file>

<file path=customXml/itemProps16.xml><?xml version="1.0" encoding="utf-8"?>
<ds:datastoreItem xmlns:ds="http://schemas.openxmlformats.org/officeDocument/2006/customXml" ds:itemID="{B5C38F42-AE43-460F-BF8B-ECBF36E601BF}">
  <ds:schemaRefs>
    <ds:schemaRef ds:uri="http://www.joulesunlimited.com/juid"/>
  </ds:schemaRefs>
</ds:datastoreItem>
</file>

<file path=customXml/itemProps17.xml><?xml version="1.0" encoding="utf-8"?>
<ds:datastoreItem xmlns:ds="http://schemas.openxmlformats.org/officeDocument/2006/customXml" ds:itemID="{B5E00B21-49BC-4312-BBA1-0EC679207477}">
  <ds:schemaRefs>
    <ds:schemaRef ds:uri="http://www.joulesunlimited.com/juid"/>
  </ds:schemaRefs>
</ds:datastoreItem>
</file>

<file path=customXml/itemProps18.xml><?xml version="1.0" encoding="utf-8"?>
<ds:datastoreItem xmlns:ds="http://schemas.openxmlformats.org/officeDocument/2006/customXml" ds:itemID="{E727A459-9C69-4A62-A605-D3078C7F0343}">
  <ds:schemaRefs>
    <ds:schemaRef ds:uri="http://www.joulesunlimited.com/juid"/>
  </ds:schemaRefs>
</ds:datastoreItem>
</file>

<file path=customXml/itemProps19.xml><?xml version="1.0" encoding="utf-8"?>
<ds:datastoreItem xmlns:ds="http://schemas.openxmlformats.org/officeDocument/2006/customXml" ds:itemID="{D9295CCF-905D-49A1-9F59-C1932A2ECF7C}">
  <ds:schemaRefs>
    <ds:schemaRef ds:uri="http://www.joulesunlimited.com/juid"/>
  </ds:schemaRefs>
</ds:datastoreItem>
</file>

<file path=customXml/itemProps2.xml><?xml version="1.0" encoding="utf-8"?>
<ds:datastoreItem xmlns:ds="http://schemas.openxmlformats.org/officeDocument/2006/customXml" ds:itemID="{67B8EADB-1A11-4BE4-92DB-A0E629904267}">
  <ds:schemaRefs>
    <ds:schemaRef ds:uri="http://www.joulesunlimited.com/juid"/>
  </ds:schemaRefs>
</ds:datastoreItem>
</file>

<file path=customXml/itemProps20.xml><?xml version="1.0" encoding="utf-8"?>
<ds:datastoreItem xmlns:ds="http://schemas.openxmlformats.org/officeDocument/2006/customXml" ds:itemID="{8C451D77-6266-4649-B391-9BE6204CCAA9}">
  <ds:schemaRefs>
    <ds:schemaRef ds:uri="http://www.joulesunlimited.com/juid"/>
  </ds:schemaRefs>
</ds:datastoreItem>
</file>

<file path=customXml/itemProps21.xml><?xml version="1.0" encoding="utf-8"?>
<ds:datastoreItem xmlns:ds="http://schemas.openxmlformats.org/officeDocument/2006/customXml" ds:itemID="{0D8A51A5-8DEB-4945-BDE6-FD6F8E0BBB8A}">
  <ds:schemaRefs>
    <ds:schemaRef ds:uri="http://www.joulesunlimited.com/juid"/>
  </ds:schemaRefs>
</ds:datastoreItem>
</file>

<file path=customXml/itemProps22.xml><?xml version="1.0" encoding="utf-8"?>
<ds:datastoreItem xmlns:ds="http://schemas.openxmlformats.org/officeDocument/2006/customXml" ds:itemID="{B69B5A38-F8F2-4830-BC0E-566F88389C52}">
  <ds:schemaRefs>
    <ds:schemaRef ds:uri="http://www.joulesunlimited.com/juid"/>
  </ds:schemaRefs>
</ds:datastoreItem>
</file>

<file path=customXml/itemProps23.xml><?xml version="1.0" encoding="utf-8"?>
<ds:datastoreItem xmlns:ds="http://schemas.openxmlformats.org/officeDocument/2006/customXml" ds:itemID="{ADE40398-E0C9-4372-AD63-3E2672363350}">
  <ds:schemaRefs>
    <ds:schemaRef ds:uri="http://www.joulesunlimited.com/juid"/>
  </ds:schemaRefs>
</ds:datastoreItem>
</file>

<file path=customXml/itemProps24.xml><?xml version="1.0" encoding="utf-8"?>
<ds:datastoreItem xmlns:ds="http://schemas.openxmlformats.org/officeDocument/2006/customXml" ds:itemID="{A7203683-8075-4C1A-98ED-D85B2E8A9979}">
  <ds:schemaRefs>
    <ds:schemaRef ds:uri="http://www.joulesunlimited.com/juid"/>
  </ds:schemaRefs>
</ds:datastoreItem>
</file>

<file path=customXml/itemProps25.xml><?xml version="1.0" encoding="utf-8"?>
<ds:datastoreItem xmlns:ds="http://schemas.openxmlformats.org/officeDocument/2006/customXml" ds:itemID="{C150BD83-9543-4A5D-8204-BEEA768B8A87}">
  <ds:schemaRefs>
    <ds:schemaRef ds:uri="http://www.joulesunlimited.com/juid"/>
  </ds:schemaRefs>
</ds:datastoreItem>
</file>

<file path=customXml/itemProps26.xml><?xml version="1.0" encoding="utf-8"?>
<ds:datastoreItem xmlns:ds="http://schemas.openxmlformats.org/officeDocument/2006/customXml" ds:itemID="{01E1678D-ADBC-4AE0-9C33-B79731150758}">
  <ds:schemaRefs>
    <ds:schemaRef ds:uri="http://www.joulesunlimited.com/juid"/>
  </ds:schemaRefs>
</ds:datastoreItem>
</file>

<file path=customXml/itemProps3.xml><?xml version="1.0" encoding="utf-8"?>
<ds:datastoreItem xmlns:ds="http://schemas.openxmlformats.org/officeDocument/2006/customXml" ds:itemID="{E7CBAFA3-7A62-4DE4-B6DA-9162ACEFE47F}">
  <ds:schemaRefs>
    <ds:schemaRef ds:uri="http://www.joulesunlimited.com/juid"/>
  </ds:schemaRefs>
</ds:datastoreItem>
</file>

<file path=customXml/itemProps4.xml><?xml version="1.0" encoding="utf-8"?>
<ds:datastoreItem xmlns:ds="http://schemas.openxmlformats.org/officeDocument/2006/customXml" ds:itemID="{8F845A7B-B059-4264-8FEA-7F6224DB66EC}">
  <ds:schemaRefs>
    <ds:schemaRef ds:uri="http://www.joulesunlimited.com/juid"/>
  </ds:schemaRefs>
</ds:datastoreItem>
</file>

<file path=customXml/itemProps5.xml><?xml version="1.0" encoding="utf-8"?>
<ds:datastoreItem xmlns:ds="http://schemas.openxmlformats.org/officeDocument/2006/customXml" ds:itemID="{2212B707-8CE3-40B1-96D5-2B9F3702FF2F}">
  <ds:schemaRefs>
    <ds:schemaRef ds:uri="http://www.joulesunlimited.com/juid"/>
  </ds:schemaRefs>
</ds:datastoreItem>
</file>

<file path=customXml/itemProps6.xml><?xml version="1.0" encoding="utf-8"?>
<ds:datastoreItem xmlns:ds="http://schemas.openxmlformats.org/officeDocument/2006/customXml" ds:itemID="{3B9B6880-E602-4060-B7DD-3201F70C0501}">
  <ds:schemaRefs>
    <ds:schemaRef ds:uri="http://www.joulesunlimited.com/juid"/>
  </ds:schemaRefs>
</ds:datastoreItem>
</file>

<file path=customXml/itemProps7.xml><?xml version="1.0" encoding="utf-8"?>
<ds:datastoreItem xmlns:ds="http://schemas.openxmlformats.org/officeDocument/2006/customXml" ds:itemID="{2F973220-58CC-422F-8FE5-3205E49EAA26}">
  <ds:schemaRefs>
    <ds:schemaRef ds:uri="http://www.joulesunlimited.com/juid"/>
  </ds:schemaRefs>
</ds:datastoreItem>
</file>

<file path=customXml/itemProps8.xml><?xml version="1.0" encoding="utf-8"?>
<ds:datastoreItem xmlns:ds="http://schemas.openxmlformats.org/officeDocument/2006/customXml" ds:itemID="{5B5B26DA-1892-4444-9E3C-5E6FBBFCA57C}">
  <ds:schemaRefs>
    <ds:schemaRef ds:uri="http://www.joulesunlimited.com/juid"/>
  </ds:schemaRefs>
</ds:datastoreItem>
</file>

<file path=customXml/itemProps9.xml><?xml version="1.0" encoding="utf-8"?>
<ds:datastoreItem xmlns:ds="http://schemas.openxmlformats.org/officeDocument/2006/customXml" ds:itemID="{8220C2D9-0E91-418D-BDC0-0FF962968D72}">
  <ds:schemaRefs>
    <ds:schemaRef ds:uri="http://www.joulesunlimited.com/jui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Corporate identity</Template>
  <TotalTime>9885</TotalTime>
  <Words>530</Words>
  <Application>Microsoft Office PowerPoint</Application>
  <PresentationFormat>Widescreen</PresentationFormat>
  <Paragraphs>105</Paragraphs>
  <Slides>14</Slides>
  <Notes>8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4</vt:i4>
      </vt:variant>
    </vt:vector>
  </HeadingPairs>
  <TitlesOfParts>
    <vt:vector size="21" baseType="lpstr">
      <vt:lpstr>Arial</vt:lpstr>
      <vt:lpstr>Calibri</vt:lpstr>
      <vt:lpstr>Calibri Light</vt:lpstr>
      <vt:lpstr>Maison Neue Bold</vt:lpstr>
      <vt:lpstr>Roboto</vt:lpstr>
      <vt:lpstr>Corporate identity</vt:lpstr>
      <vt:lpstr>Office Theme</vt:lpstr>
      <vt:lpstr>Azure deep dive: Bicep in the real world</vt:lpstr>
      <vt:lpstr>Who am I?</vt:lpstr>
      <vt:lpstr>Infrastructure as code</vt:lpstr>
      <vt:lpstr>Azure Resource Manager</vt:lpstr>
      <vt:lpstr>ARM templates</vt:lpstr>
      <vt:lpstr>Bicep</vt:lpstr>
      <vt:lpstr>Tooling</vt:lpstr>
      <vt:lpstr>Sharing Bicep across an organization</vt:lpstr>
      <vt:lpstr>Template specs</vt:lpstr>
      <vt:lpstr>Bicep registry</vt:lpstr>
      <vt:lpstr>Cross tenant sharing</vt:lpstr>
      <vt:lpstr>Deployment scripts</vt:lpstr>
      <vt:lpstr>Questions?</vt:lpstr>
      <vt:lpstr>Nice resources</vt:lpstr>
    </vt:vector>
  </TitlesOfParts>
  <Manager/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subject/>
  <dc:creator>Marijn van der Knijff</dc:creator>
  <cp:keywords/>
  <dc:description>Template version: 1.1 - 9 January 2023_x000d_
Design: buro.design_x000d_
Templates: www.JoulesUnlimited.com</dc:description>
  <cp:lastModifiedBy>Erwin van den Bogaard</cp:lastModifiedBy>
  <cp:revision>8</cp:revision>
  <dcterms:created xsi:type="dcterms:W3CDTF">2023-02-08T15:04:53Z</dcterms:created>
  <dcterms:modified xsi:type="dcterms:W3CDTF">2023-05-10T06:58:59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virtualvaults</vt:lpwstr>
  </property>
  <property fmtid="{D5CDD505-2E9C-101B-9397-08002B2CF9AE}" pid="3" name="TemplateId">
    <vt:lpwstr>638152577387410564</vt:lpwstr>
  </property>
  <property fmtid="{D5CDD505-2E9C-101B-9397-08002B2CF9AE}" pid="4" name="UserProfileId">
    <vt:lpwstr>637254734910506776</vt:lpwstr>
  </property>
</Properties>
</file>